
<file path=[Content_Types].xml><?xml version="1.0" encoding="utf-8"?>
<Types xmlns="http://schemas.openxmlformats.org/package/2006/content-types">
  <Default Extension="emf" ContentType="image/x-emf"/>
  <Default Extension="fntdata" ContentType="application/x-fontdata"/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notesSlides/notesSlide6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notesSlides/notesSlide7.xml" ContentType="application/vnd.openxmlformats-officedocument.presentationml.notesSlide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notesSlides/notesSlide8.xml" ContentType="application/vnd.openxmlformats-officedocument.presentationml.notesSlide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diagrams/data6.xml" ContentType="application/vnd.openxmlformats-officedocument.drawingml.diagramData+xml"/>
  <Override PartName="/ppt/diagrams/layout6.xml" ContentType="application/vnd.openxmlformats-officedocument.drawingml.diagramLayout+xml"/>
  <Override PartName="/ppt/diagrams/quickStyle6.xml" ContentType="application/vnd.openxmlformats-officedocument.drawingml.diagramStyle+xml"/>
  <Override PartName="/ppt/diagrams/colors6.xml" ContentType="application/vnd.openxmlformats-officedocument.drawingml.diagramColors+xml"/>
  <Override PartName="/ppt/diagrams/drawing6.xml" ContentType="application/vnd.ms-office.drawingml.diagramDrawing+xml"/>
  <Override PartName="/ppt/notesSlides/notesSlide11.xml" ContentType="application/vnd.openxmlformats-officedocument.presentationml.notesSlide+xml"/>
  <Override PartName="/ppt/diagrams/data7.xml" ContentType="application/vnd.openxmlformats-officedocument.drawingml.diagramData+xml"/>
  <Override PartName="/ppt/diagrams/layout7.xml" ContentType="application/vnd.openxmlformats-officedocument.drawingml.diagramLayout+xml"/>
  <Override PartName="/ppt/diagrams/quickStyle7.xml" ContentType="application/vnd.openxmlformats-officedocument.drawingml.diagramStyle+xml"/>
  <Override PartName="/ppt/diagrams/colors7.xml" ContentType="application/vnd.openxmlformats-officedocument.drawingml.diagramColors+xml"/>
  <Override PartName="/ppt/diagrams/drawing7.xml" ContentType="application/vnd.ms-office.drawingml.diagramDrawing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diagrams/data8.xml" ContentType="application/vnd.openxmlformats-officedocument.drawingml.diagramData+xml"/>
  <Override PartName="/ppt/diagrams/layout8.xml" ContentType="application/vnd.openxmlformats-officedocument.drawingml.diagramLayout+xml"/>
  <Override PartName="/ppt/diagrams/quickStyle8.xml" ContentType="application/vnd.openxmlformats-officedocument.drawingml.diagramStyle+xml"/>
  <Override PartName="/ppt/diagrams/colors8.xml" ContentType="application/vnd.openxmlformats-officedocument.drawingml.diagramColors+xml"/>
  <Override PartName="/ppt/diagrams/drawing8.xml" ContentType="application/vnd.ms-office.drawingml.diagramDrawing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diagrams/data9.xml" ContentType="application/vnd.openxmlformats-officedocument.drawingml.diagramData+xml"/>
  <Override PartName="/ppt/diagrams/layout9.xml" ContentType="application/vnd.openxmlformats-officedocument.drawingml.diagramLayout+xml"/>
  <Override PartName="/ppt/diagrams/quickStyle9.xml" ContentType="application/vnd.openxmlformats-officedocument.drawingml.diagramStyle+xml"/>
  <Override PartName="/ppt/diagrams/colors9.xml" ContentType="application/vnd.openxmlformats-officedocument.drawingml.diagramColors+xml"/>
  <Override PartName="/ppt/diagrams/drawing9.xml" ContentType="application/vnd.ms-office.drawingml.diagramDrawing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diagrams/data10.xml" ContentType="application/vnd.openxmlformats-officedocument.drawingml.diagramData+xml"/>
  <Override PartName="/ppt/diagrams/layout10.xml" ContentType="application/vnd.openxmlformats-officedocument.drawingml.diagramLayout+xml"/>
  <Override PartName="/ppt/diagrams/quickStyle10.xml" ContentType="application/vnd.openxmlformats-officedocument.drawingml.diagramStyle+xml"/>
  <Override PartName="/ppt/diagrams/colors10.xml" ContentType="application/vnd.openxmlformats-officedocument.drawingml.diagramColors+xml"/>
  <Override PartName="/ppt/diagrams/drawing10.xml" ContentType="application/vnd.ms-office.drawingml.diagramDrawing+xml"/>
  <Override PartName="/ppt/notesSlides/notesSlide35.xml" ContentType="application/vnd.openxmlformats-officedocument.presentationml.notesSlide+xml"/>
  <Override PartName="/ppt/notesSlides/notesSlide36.xml" ContentType="application/vnd.openxmlformats-officedocument.presentationml.notesSlide+xml"/>
  <Override PartName="/ppt/notesSlides/notesSlide37.xml" ContentType="application/vnd.openxmlformats-officedocument.presentationml.notesSlide+xml"/>
  <Override PartName="/ppt/notesSlides/notesSlide38.xml" ContentType="application/vnd.openxmlformats-officedocument.presentationml.notesSlide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42.xml" ContentType="application/vnd.openxmlformats-officedocument.presentationml.notesSlide+xml"/>
  <Override PartName="/ppt/notesSlides/notesSlide43.xml" ContentType="application/vnd.openxmlformats-officedocument.presentationml.notesSlide+xml"/>
  <Override PartName="/ppt/notesSlides/notesSlide44.xml" ContentType="application/vnd.openxmlformats-officedocument.presentationml.notesSlide+xml"/>
  <Override PartName="/ppt/notesSlides/notesSlide45.xml" ContentType="application/vnd.openxmlformats-officedocument.presentationml.notesSlide+xml"/>
  <Override PartName="/ppt/notesSlides/notesSlide46.xml" ContentType="application/vnd.openxmlformats-officedocument.presentationml.notesSlide+xml"/>
  <Override PartName="/ppt/notesSlides/notesSlide47.xml" ContentType="application/vnd.openxmlformats-officedocument.presentationml.notesSlide+xml"/>
  <Override PartName="/ppt/notesSlides/notesSlide4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trictFirstAndLastChars="0" embedTrueTypeFonts="1" saveSubsetFonts="1" autoCompressPictures="0">
  <p:sldMasterIdLst>
    <p:sldMasterId id="2147483658" r:id="rId1"/>
  </p:sldMasterIdLst>
  <p:notesMasterIdLst>
    <p:notesMasterId r:id="rId50"/>
  </p:notesMasterIdLst>
  <p:sldIdLst>
    <p:sldId id="256" r:id="rId2"/>
    <p:sldId id="260" r:id="rId3"/>
    <p:sldId id="273" r:id="rId4"/>
    <p:sldId id="296" r:id="rId5"/>
    <p:sldId id="302" r:id="rId6"/>
    <p:sldId id="303" r:id="rId7"/>
    <p:sldId id="304" r:id="rId8"/>
    <p:sldId id="305" r:id="rId9"/>
    <p:sldId id="299" r:id="rId10"/>
    <p:sldId id="306" r:id="rId11"/>
    <p:sldId id="307" r:id="rId12"/>
    <p:sldId id="308" r:id="rId13"/>
    <p:sldId id="309" r:id="rId14"/>
    <p:sldId id="310" r:id="rId15"/>
    <p:sldId id="311" r:id="rId16"/>
    <p:sldId id="312" r:id="rId17"/>
    <p:sldId id="313" r:id="rId18"/>
    <p:sldId id="314" r:id="rId19"/>
    <p:sldId id="315" r:id="rId20"/>
    <p:sldId id="316" r:id="rId21"/>
    <p:sldId id="317" r:id="rId22"/>
    <p:sldId id="318" r:id="rId23"/>
    <p:sldId id="319" r:id="rId24"/>
    <p:sldId id="320" r:id="rId25"/>
    <p:sldId id="321" r:id="rId26"/>
    <p:sldId id="322" r:id="rId27"/>
    <p:sldId id="323" r:id="rId28"/>
    <p:sldId id="324" r:id="rId29"/>
    <p:sldId id="325" r:id="rId30"/>
    <p:sldId id="326" r:id="rId31"/>
    <p:sldId id="327" r:id="rId32"/>
    <p:sldId id="328" r:id="rId33"/>
    <p:sldId id="300" r:id="rId34"/>
    <p:sldId id="329" r:id="rId35"/>
    <p:sldId id="330" r:id="rId36"/>
    <p:sldId id="331" r:id="rId37"/>
    <p:sldId id="332" r:id="rId38"/>
    <p:sldId id="333" r:id="rId39"/>
    <p:sldId id="334" r:id="rId40"/>
    <p:sldId id="335" r:id="rId41"/>
    <p:sldId id="336" r:id="rId42"/>
    <p:sldId id="339" r:id="rId43"/>
    <p:sldId id="340" r:id="rId44"/>
    <p:sldId id="301" r:id="rId45"/>
    <p:sldId id="337" r:id="rId46"/>
    <p:sldId id="338" r:id="rId47"/>
    <p:sldId id="261" r:id="rId48"/>
    <p:sldId id="271" r:id="rId49"/>
  </p:sldIdLst>
  <p:sldSz cx="9144000" cy="5143500" type="screen16x9"/>
  <p:notesSz cx="6858000" cy="9144000"/>
  <p:embeddedFontLst>
    <p:embeddedFont>
      <p:font typeface="Lora" pitchFamily="2" charset="-52"/>
      <p:regular r:id="rId51"/>
      <p:bold r:id="rId52"/>
      <p:italic r:id="rId53"/>
      <p:boldItalic r:id="rId54"/>
    </p:embeddedFont>
    <p:embeddedFont>
      <p:font typeface="Quattrocento Sans" panose="020B0604020202020204" charset="0"/>
      <p:regular r:id="rId55"/>
      <p:bold r:id="rId56"/>
      <p:italic r:id="rId57"/>
      <p:boldItalic r:id="rId58"/>
    </p:embeddedFont>
  </p:embeddedFont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8AB832"/>
    <a:srgbClr val="99CB38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DA5B2040-0373-4AB5-8C16-54180E59C3D7}">
  <a:tblStyle styleId="{DA5B2040-0373-4AB5-8C16-54180E59C3D7}" styleName="Table_0">
    <a:wholeTbl>
      <a:tcTxStyle>
        <a:font>
          <a:latin typeface="Arial"/>
          <a:ea typeface="Arial"/>
          <a:cs typeface="Arial"/>
        </a:font>
        <a:srgbClr val="000000"/>
      </a:tcTxStyle>
      <a:tcStyle>
        <a:tcBdr>
          <a:left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left>
          <a:right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right>
          <a:top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top>
          <a:bottom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bottom>
          <a:insideH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insideH>
          <a:insideV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insideV>
        </a:tcBdr>
      </a:tcStyle>
    </a:wholeTbl>
    <a:band1H>
      <a:tcTxStyle/>
      <a:tcStyle>
        <a:tcBdr/>
      </a:tcStyle>
    </a:band1H>
    <a:band2H>
      <a:tcTxStyle/>
      <a:tcStyle>
        <a:tcBdr/>
      </a:tcStyle>
    </a:band2H>
    <a:band1V>
      <a:tcTxStyle/>
      <a:tcStyle>
        <a:tcBdr/>
      </a:tcStyle>
    </a:band1V>
    <a:band2V>
      <a:tcTxStyle/>
      <a:tcStyle>
        <a:tcBdr/>
      </a:tcStyle>
    </a:band2V>
    <a:lastCol>
      <a:tcTxStyle/>
      <a:tcStyle>
        <a:tcBdr/>
      </a:tcStyle>
    </a:lastCol>
    <a:firstCol>
      <a:tcTxStyle/>
      <a:tcStyle>
        <a:tcBdr/>
      </a:tcStyle>
    </a:firstCol>
    <a:lastRow>
      <a:tcTxStyle/>
      <a:tcStyle>
        <a:tcBdr/>
      </a:tcStyle>
    </a:lastRow>
    <a:seCell>
      <a:tcTxStyle/>
      <a:tcStyle>
        <a:tcBdr/>
      </a:tcStyle>
    </a:seCell>
    <a:swCell>
      <a:tcTxStyle/>
      <a:tcStyle>
        <a:tcBdr/>
      </a:tcStyle>
    </a:swCell>
    <a:firstRow>
      <a:tcTxStyle/>
      <a:tcStyle>
        <a:tcBdr/>
      </a:tcStyle>
    </a:firstRow>
    <a:neCell>
      <a:tcTxStyle/>
      <a:tcStyle>
        <a:tcBdr/>
      </a:tcStyle>
    </a:neCell>
    <a:nwCell>
      <a:tcTxStyle/>
      <a:tcStyle>
        <a:tcBdr/>
      </a:tcStyle>
    </a:nwCell>
  </a:tblStyle>
  <a:tblStyle styleId="{FD83C8C0-4F54-423C-8FE9-BE38F65F2308}" styleName="Table_1">
    <a:wholeTbl>
      <a:tcTxStyle>
        <a:font>
          <a:latin typeface="Arial"/>
          <a:ea typeface="Arial"/>
          <a:cs typeface="Arial"/>
        </a:font>
        <a:srgbClr val="000000"/>
      </a:tcTxStyle>
      <a:tcStyle>
        <a:tcBdr>
          <a:left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left>
          <a:right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right>
          <a:top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top>
          <a:bottom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bottom>
          <a:insideH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insideH>
          <a:insideV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insideV>
        </a:tcBdr>
      </a:tcStyle>
    </a:wholeTbl>
    <a:band1H>
      <a:tcTxStyle/>
      <a:tcStyle>
        <a:tcBdr/>
      </a:tcStyle>
    </a:band1H>
    <a:band2H>
      <a:tcTxStyle/>
      <a:tcStyle>
        <a:tcBdr/>
      </a:tcStyle>
    </a:band2H>
    <a:band1V>
      <a:tcTxStyle/>
      <a:tcStyle>
        <a:tcBdr/>
      </a:tcStyle>
    </a:band1V>
    <a:band2V>
      <a:tcTxStyle/>
      <a:tcStyle>
        <a:tcBdr/>
      </a:tcStyle>
    </a:band2V>
    <a:lastCol>
      <a:tcTxStyle/>
      <a:tcStyle>
        <a:tcBdr/>
      </a:tcStyle>
    </a:lastCol>
    <a:firstCol>
      <a:tcTxStyle/>
      <a:tcStyle>
        <a:tcBdr/>
      </a:tcStyle>
    </a:firstCol>
    <a:lastRow>
      <a:tcTxStyle/>
      <a:tcStyle>
        <a:tcBdr/>
      </a:tcStyle>
    </a:lastRow>
    <a:seCell>
      <a:tcTxStyle/>
      <a:tcStyle>
        <a:tcBdr/>
      </a:tcStyle>
    </a:seCell>
    <a:swCell>
      <a:tcTxStyle/>
      <a:tcStyle>
        <a:tcBdr/>
      </a:tcStyle>
    </a:swCell>
    <a:firstRow>
      <a:tcTxStyle/>
      <a:tcStyle>
        <a:tcBdr/>
      </a:tcStyle>
    </a:firstRow>
    <a:neCell>
      <a:tcTxStyle/>
      <a:tcStyle>
        <a:tcBdr/>
      </a:tcStyle>
    </a:neCell>
    <a:nwCell>
      <a:tcTxStyle/>
      <a:tcStyle>
        <a:tcBdr/>
      </a:tcStyle>
    </a:nwCell>
  </a:tblStyle>
  <a:tblStyle styleId="{69012ECD-51FC-41F1-AA8D-1B2483CD663E}" styleName="Светлый стиль 2 — акцент 1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</a:tcStyle>
    </a:band1H>
    <a:band1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1V>
    <a:band2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1"/>
        </a:fillRef>
      </a:tcStyle>
    </a:firstRow>
  </a:tblStyle>
  <a:tblStyle styleId="{B301B821-A1FF-4177-AEE7-76D212191A09}" styleName="Средний стиль 1 — акцент 1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1"/>
              </a:solidFill>
            </a:ln>
          </a:left>
          <a:right>
            <a:ln w="12700" cmpd="sng">
              <a:solidFill>
                <a:schemeClr val="accent1"/>
              </a:solidFill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 w="12700" cmpd="sng">
              <a:solidFill>
                <a:schemeClr val="accent1"/>
              </a:solidFill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accent1">
              <a:tint val="20000"/>
            </a:schemeClr>
          </a:solidFill>
        </a:fill>
      </a:tcStyle>
    </a:band1H>
    <a:band1V>
      <a:tcStyle>
        <a:tcBdr/>
        <a:fill>
          <a:solidFill>
            <a:schemeClr val="accent1">
              <a:tint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  <a:fill>
          <a:solidFill>
            <a:schemeClr val="lt1"/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08" d="100"/>
          <a:sy n="108" d="100"/>
        </p:scale>
        <p:origin x="730" y="7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notesMaster" Target="notesMasters/notesMaster1.xml"/><Relationship Id="rId55" Type="http://schemas.openxmlformats.org/officeDocument/2006/relationships/font" Target="fonts/font5.fntdata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slide" Target="slides/slide40.xml"/><Relationship Id="rId54" Type="http://schemas.openxmlformats.org/officeDocument/2006/relationships/font" Target="fonts/font4.fntdata"/><Relationship Id="rId62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font" Target="fonts/font3.fntdata"/><Relationship Id="rId58" Type="http://schemas.openxmlformats.org/officeDocument/2006/relationships/font" Target="fonts/font8.fntdata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font" Target="fonts/font7.fntdata"/><Relationship Id="rId61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font" Target="fonts/font2.fntdata"/><Relationship Id="rId6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font" Target="fonts/font6.fntdata"/><Relationship Id="rId8" Type="http://schemas.openxmlformats.org/officeDocument/2006/relationships/slide" Target="slides/slide7.xml"/><Relationship Id="rId51" Type="http://schemas.openxmlformats.org/officeDocument/2006/relationships/font" Target="fonts/font1.fntdata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presProps" Target="presProps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&#1057;&#1072;&#1096;&#1082;&#1072;\Desktop\&#1076;&#1080;&#1087;&#1083;&#1086;&#1084;&#1099;%20&#1080;&#1090;&#1086;&#1075;%20&#1090;&#1077;&#1082;&#1089;&#1090;&#1086;&#1074;&#1099;&#1081;\2\&#1089;&#1088;&#1072;&#1074;&#1085;%20&#1093;&#1072;&#1088;&#1072;&#1082;&#1090;.XLSX" TargetMode="External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title>
      <c:tx>
        <c:rich>
          <a:bodyPr rot="0" spcFirstLastPara="1" vertOverflow="ellipsis" vert="horz" wrap="square" anchor="ctr" anchorCtr="1"/>
          <a:lstStyle/>
          <a:p>
            <a:pPr>
              <a:defRPr sz="1400" b="0" i="0" u="none" strike="noStrike" kern="1200" spc="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r>
              <a:rPr lang="ru-RU"/>
              <a:t>Анализ аналогов</a:t>
            </a:r>
          </a:p>
        </c:rich>
      </c:tx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400" b="0" i="0" u="none" strike="noStrike" kern="1200" spc="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title>
    <c:autoTitleDeleted val="0"/>
    <c:plotArea>
      <c:layout/>
      <c:lineChart>
        <c:grouping val="standard"/>
        <c:varyColors val="0"/>
        <c:ser>
          <c:idx val="0"/>
          <c:order val="0"/>
          <c:tx>
            <c:strRef>
              <c:f>Лист1!$D$5</c:f>
              <c:strCache>
                <c:ptCount val="1"/>
                <c:pt idx="0">
                  <c:v>SunRav Web Class</c:v>
                </c:pt>
              </c:strCache>
            </c:strRef>
          </c:tx>
          <c:spPr>
            <a:ln w="28575" cap="rnd">
              <a:solidFill>
                <a:schemeClr val="accent1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1"/>
              </a:solidFill>
              <a:ln w="9525">
                <a:solidFill>
                  <a:schemeClr val="accent1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D$6:$D$23</c:f>
              <c:numCache>
                <c:formatCode>General</c:formatCode>
                <c:ptCount val="17"/>
                <c:pt idx="0">
                  <c:v>1</c:v>
                </c:pt>
                <c:pt idx="1">
                  <c:v>4</c:v>
                </c:pt>
                <c:pt idx="2">
                  <c:v>3</c:v>
                </c:pt>
                <c:pt idx="3">
                  <c:v>5</c:v>
                </c:pt>
                <c:pt idx="4">
                  <c:v>4</c:v>
                </c:pt>
                <c:pt idx="5">
                  <c:v>4</c:v>
                </c:pt>
                <c:pt idx="6">
                  <c:v>4</c:v>
                </c:pt>
                <c:pt idx="7">
                  <c:v>3</c:v>
                </c:pt>
                <c:pt idx="8">
                  <c:v>3</c:v>
                </c:pt>
                <c:pt idx="9">
                  <c:v>4</c:v>
                </c:pt>
                <c:pt idx="10">
                  <c:v>5</c:v>
                </c:pt>
                <c:pt idx="11">
                  <c:v>5</c:v>
                </c:pt>
                <c:pt idx="12">
                  <c:v>5</c:v>
                </c:pt>
                <c:pt idx="13">
                  <c:v>5</c:v>
                </c:pt>
                <c:pt idx="14">
                  <c:v>3</c:v>
                </c:pt>
                <c:pt idx="15">
                  <c:v>3</c:v>
                </c:pt>
                <c:pt idx="16">
                  <c:v>1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0-A9C9-4F22-82D5-AF8BAD415A73}"/>
            </c:ext>
          </c:extLst>
        </c:ser>
        <c:ser>
          <c:idx val="1"/>
          <c:order val="1"/>
          <c:tx>
            <c:strRef>
              <c:f>Лист1!$E$5</c:f>
              <c:strCache>
                <c:ptCount val="1"/>
                <c:pt idx="0">
                  <c:v>iSpring</c:v>
                </c:pt>
              </c:strCache>
            </c:strRef>
          </c:tx>
          <c:spPr>
            <a:ln w="28575" cap="rnd">
              <a:solidFill>
                <a:schemeClr val="accent2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2"/>
              </a:solidFill>
              <a:ln w="9525">
                <a:solidFill>
                  <a:schemeClr val="accent2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E$6:$E$23</c:f>
              <c:numCache>
                <c:formatCode>General</c:formatCode>
                <c:ptCount val="17"/>
                <c:pt idx="0">
                  <c:v>5</c:v>
                </c:pt>
                <c:pt idx="1">
                  <c:v>5</c:v>
                </c:pt>
                <c:pt idx="2">
                  <c:v>4</c:v>
                </c:pt>
                <c:pt idx="3">
                  <c:v>5</c:v>
                </c:pt>
                <c:pt idx="4">
                  <c:v>5</c:v>
                </c:pt>
                <c:pt idx="5">
                  <c:v>5</c:v>
                </c:pt>
                <c:pt idx="6">
                  <c:v>4</c:v>
                </c:pt>
                <c:pt idx="7">
                  <c:v>5</c:v>
                </c:pt>
                <c:pt idx="8">
                  <c:v>5</c:v>
                </c:pt>
                <c:pt idx="9">
                  <c:v>5</c:v>
                </c:pt>
                <c:pt idx="10">
                  <c:v>5</c:v>
                </c:pt>
                <c:pt idx="11">
                  <c:v>5</c:v>
                </c:pt>
                <c:pt idx="12">
                  <c:v>5</c:v>
                </c:pt>
                <c:pt idx="13">
                  <c:v>5</c:v>
                </c:pt>
                <c:pt idx="14">
                  <c:v>5</c:v>
                </c:pt>
                <c:pt idx="15">
                  <c:v>5</c:v>
                </c:pt>
                <c:pt idx="16">
                  <c:v>5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1-A9C9-4F22-82D5-AF8BAD415A73}"/>
            </c:ext>
          </c:extLst>
        </c:ser>
        <c:ser>
          <c:idx val="2"/>
          <c:order val="2"/>
          <c:tx>
            <c:strRef>
              <c:f>Лист1!$F$5</c:f>
              <c:strCache>
                <c:ptCount val="1"/>
                <c:pt idx="0">
                  <c:v>StartExam</c:v>
                </c:pt>
              </c:strCache>
            </c:strRef>
          </c:tx>
          <c:spPr>
            <a:ln w="28575" cap="rnd">
              <a:solidFill>
                <a:schemeClr val="accent3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3"/>
              </a:solidFill>
              <a:ln w="9525">
                <a:solidFill>
                  <a:schemeClr val="accent3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F$6:$F$23</c:f>
              <c:numCache>
                <c:formatCode>General</c:formatCode>
                <c:ptCount val="17"/>
                <c:pt idx="0">
                  <c:v>4</c:v>
                </c:pt>
                <c:pt idx="1">
                  <c:v>3</c:v>
                </c:pt>
                <c:pt idx="2">
                  <c:v>4</c:v>
                </c:pt>
                <c:pt idx="3">
                  <c:v>5</c:v>
                </c:pt>
                <c:pt idx="4">
                  <c:v>5</c:v>
                </c:pt>
                <c:pt idx="5">
                  <c:v>4</c:v>
                </c:pt>
                <c:pt idx="6">
                  <c:v>5</c:v>
                </c:pt>
                <c:pt idx="7">
                  <c:v>5</c:v>
                </c:pt>
                <c:pt idx="8">
                  <c:v>4</c:v>
                </c:pt>
                <c:pt idx="9">
                  <c:v>4</c:v>
                </c:pt>
                <c:pt idx="10">
                  <c:v>5</c:v>
                </c:pt>
                <c:pt idx="11">
                  <c:v>3</c:v>
                </c:pt>
                <c:pt idx="12">
                  <c:v>4</c:v>
                </c:pt>
                <c:pt idx="13">
                  <c:v>5</c:v>
                </c:pt>
                <c:pt idx="14">
                  <c:v>4</c:v>
                </c:pt>
                <c:pt idx="15">
                  <c:v>5</c:v>
                </c:pt>
                <c:pt idx="16">
                  <c:v>5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2-A9C9-4F22-82D5-AF8BAD415A73}"/>
            </c:ext>
          </c:extLst>
        </c:ser>
        <c:ser>
          <c:idx val="3"/>
          <c:order val="3"/>
          <c:tx>
            <c:strRef>
              <c:f>Лист1!$G$5</c:f>
              <c:strCache>
                <c:ptCount val="1"/>
                <c:pt idx="0">
                  <c:v>Indigo</c:v>
                </c:pt>
              </c:strCache>
            </c:strRef>
          </c:tx>
          <c:spPr>
            <a:ln w="28575" cap="rnd">
              <a:solidFill>
                <a:schemeClr val="accent4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4"/>
              </a:solidFill>
              <a:ln w="9525">
                <a:solidFill>
                  <a:schemeClr val="accent4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G$6:$G$23</c:f>
              <c:numCache>
                <c:formatCode>General</c:formatCode>
                <c:ptCount val="17"/>
                <c:pt idx="0">
                  <c:v>4</c:v>
                </c:pt>
                <c:pt idx="1">
                  <c:v>5</c:v>
                </c:pt>
                <c:pt idx="2">
                  <c:v>5</c:v>
                </c:pt>
                <c:pt idx="3">
                  <c:v>5</c:v>
                </c:pt>
                <c:pt idx="4">
                  <c:v>4</c:v>
                </c:pt>
                <c:pt idx="5">
                  <c:v>5</c:v>
                </c:pt>
                <c:pt idx="6">
                  <c:v>3</c:v>
                </c:pt>
                <c:pt idx="7">
                  <c:v>4</c:v>
                </c:pt>
                <c:pt idx="8">
                  <c:v>3</c:v>
                </c:pt>
                <c:pt idx="9">
                  <c:v>3</c:v>
                </c:pt>
                <c:pt idx="10">
                  <c:v>4</c:v>
                </c:pt>
                <c:pt idx="11">
                  <c:v>3</c:v>
                </c:pt>
                <c:pt idx="12">
                  <c:v>3</c:v>
                </c:pt>
                <c:pt idx="13">
                  <c:v>4</c:v>
                </c:pt>
                <c:pt idx="14">
                  <c:v>3</c:v>
                </c:pt>
                <c:pt idx="15">
                  <c:v>3</c:v>
                </c:pt>
                <c:pt idx="16">
                  <c:v>3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3-A9C9-4F22-82D5-AF8BAD415A73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marker val="1"/>
        <c:smooth val="0"/>
        <c:axId val="651013336"/>
        <c:axId val="651006448"/>
      </c:lineChart>
      <c:catAx>
        <c:axId val="651013336"/>
        <c:scaling>
          <c:orientation val="minMax"/>
        </c:scaling>
        <c:delete val="0"/>
        <c:axPos val="b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651006448"/>
        <c:crosses val="autoZero"/>
        <c:auto val="1"/>
        <c:lblAlgn val="ctr"/>
        <c:lblOffset val="100"/>
        <c:noMultiLvlLbl val="0"/>
      </c:catAx>
      <c:valAx>
        <c:axId val="651006448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651013336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900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noFill/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332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00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00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900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900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</cs:dataPoint>
  <cs:dataPoint3D>
    <cs:lnRef idx="0"/>
    <cs:fillRef idx="1">
      <cs:styleClr val="auto"/>
    </cs:fillRef>
    <cs:effectRef idx="0"/>
    <cs:fontRef idx="minor">
      <a:schemeClr val="tx1"/>
    </cs:fontRef>
  </cs:dataPoint3D>
  <cs:dataPointLine>
    <cs:lnRef idx="0">
      <cs:styleClr val="auto"/>
    </cs:lnRef>
    <cs:fillRef idx="1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1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65000"/>
          <a:lumOff val="35000"/>
        </a:schemeClr>
      </a:solidFill>
      <a:ln w="9525">
        <a:solidFill>
          <a:schemeClr val="tx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75000"/>
            <a:lumOff val="25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400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15000"/>
            <a:lumOff val="85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diagrams/_rels/data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image" Target="../media/image2.jpeg"/><Relationship Id="rId1" Type="http://schemas.openxmlformats.org/officeDocument/2006/relationships/image" Target="../media/image1.jpeg"/></Relationships>
</file>

<file path=ppt/diagrams/_rels/drawing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image" Target="../media/image2.jpeg"/><Relationship Id="rId1" Type="http://schemas.openxmlformats.org/officeDocument/2006/relationships/image" Target="../media/image1.jpe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10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6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7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8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9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48DFD6E7-EF2E-41BC-B93B-4859BD6BBF11}" type="doc">
      <dgm:prSet loTypeId="urn:microsoft.com/office/officeart/2008/layout/PictureStrips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1CA5D44E-99ED-4905-9157-2D3791180CAF}">
      <dgm:prSet phldrT="[Текст]" custT="1"/>
      <dgm:spPr/>
      <dgm:t>
        <a:bodyPr/>
        <a:lstStyle/>
        <a:p>
          <a:r>
            <a:rPr lang="ru-RU" sz="1200" dirty="0"/>
            <a:t>Группа №1. </a:t>
          </a:r>
        </a:p>
        <a:p>
          <a:r>
            <a:rPr lang="ru-RU" sz="1200" dirty="0"/>
            <a:t>Сотрудники </a:t>
          </a:r>
          <a:r>
            <a:rPr lang="en-US" sz="1200" dirty="0"/>
            <a:t>HR </a:t>
          </a:r>
          <a:r>
            <a:rPr lang="ru-RU" sz="1200" dirty="0"/>
            <a:t>отдела банка</a:t>
          </a:r>
        </a:p>
      </dgm:t>
    </dgm:pt>
    <dgm:pt modelId="{702A22F9-DF31-4AC9-8AA2-94A6A86E9801}" type="parTrans" cxnId="{2F7498AA-116A-4A28-A3D9-6A894D712B68}">
      <dgm:prSet/>
      <dgm:spPr/>
      <dgm:t>
        <a:bodyPr/>
        <a:lstStyle/>
        <a:p>
          <a:endParaRPr lang="ru-RU" sz="1600"/>
        </a:p>
      </dgm:t>
    </dgm:pt>
    <dgm:pt modelId="{01A928A2-06CA-4287-AA28-9D6E4BCEE34C}" type="sibTrans" cxnId="{2F7498AA-116A-4A28-A3D9-6A894D712B68}">
      <dgm:prSet/>
      <dgm:spPr/>
      <dgm:t>
        <a:bodyPr/>
        <a:lstStyle/>
        <a:p>
          <a:endParaRPr lang="ru-RU" sz="1600"/>
        </a:p>
      </dgm:t>
    </dgm:pt>
    <dgm:pt modelId="{8CD41F6D-AADA-4149-8214-518B4589156E}">
      <dgm:prSet phldrT="[Текст]" custT="1"/>
      <dgm:spPr/>
      <dgm:t>
        <a:bodyPr/>
        <a:lstStyle/>
        <a:p>
          <a:r>
            <a:rPr lang="ru-RU" sz="1200" dirty="0"/>
            <a:t>Группа №2. </a:t>
          </a:r>
        </a:p>
        <a:p>
          <a:r>
            <a:rPr lang="ru-RU" sz="1200" dirty="0"/>
            <a:t>Сотрудники банка (по отделам)</a:t>
          </a:r>
        </a:p>
      </dgm:t>
    </dgm:pt>
    <dgm:pt modelId="{BBC6BC8D-79F9-40CE-AC3A-7D86465485FF}" type="parTrans" cxnId="{9511654E-58B4-4E87-8B9B-5A7D6A86EABF}">
      <dgm:prSet/>
      <dgm:spPr/>
      <dgm:t>
        <a:bodyPr/>
        <a:lstStyle/>
        <a:p>
          <a:endParaRPr lang="ru-RU" sz="1600"/>
        </a:p>
      </dgm:t>
    </dgm:pt>
    <dgm:pt modelId="{217E227E-82EC-4D98-B362-D74CEC97E356}" type="sibTrans" cxnId="{9511654E-58B4-4E87-8B9B-5A7D6A86EABF}">
      <dgm:prSet/>
      <dgm:spPr/>
      <dgm:t>
        <a:bodyPr/>
        <a:lstStyle/>
        <a:p>
          <a:endParaRPr lang="ru-RU" sz="1600"/>
        </a:p>
      </dgm:t>
    </dgm:pt>
    <dgm:pt modelId="{148DFDB0-84F9-4EE0-822A-46FC56BABBEC}">
      <dgm:prSet phldrT="[Текст]" custT="1"/>
      <dgm:spPr/>
      <dgm:t>
        <a:bodyPr/>
        <a:lstStyle/>
        <a:p>
          <a:r>
            <a:rPr lang="ru-RU" sz="1200" dirty="0"/>
            <a:t>Группа №3. </a:t>
          </a:r>
        </a:p>
        <a:p>
          <a:r>
            <a:rPr lang="ru-RU" sz="1200" dirty="0"/>
            <a:t>Потенциальные сотрудники банка</a:t>
          </a:r>
        </a:p>
      </dgm:t>
    </dgm:pt>
    <dgm:pt modelId="{54DCC875-22F2-49D8-B81B-AB8559110676}" type="parTrans" cxnId="{7AB392B3-B433-4A7C-9CD1-4DC0C713A517}">
      <dgm:prSet/>
      <dgm:spPr/>
      <dgm:t>
        <a:bodyPr/>
        <a:lstStyle/>
        <a:p>
          <a:endParaRPr lang="ru-RU" sz="1600"/>
        </a:p>
      </dgm:t>
    </dgm:pt>
    <dgm:pt modelId="{240C78B0-8DC8-469D-AD7D-CC0CE9D3D70D}" type="sibTrans" cxnId="{7AB392B3-B433-4A7C-9CD1-4DC0C713A517}">
      <dgm:prSet/>
      <dgm:spPr/>
      <dgm:t>
        <a:bodyPr/>
        <a:lstStyle/>
        <a:p>
          <a:endParaRPr lang="ru-RU" sz="1600"/>
        </a:p>
      </dgm:t>
    </dgm:pt>
    <dgm:pt modelId="{A07FB740-19FF-4D4F-AB46-25448B8EB0DB}" type="pres">
      <dgm:prSet presAssocID="{48DFD6E7-EF2E-41BC-B93B-4859BD6BBF11}" presName="Name0" presStyleCnt="0">
        <dgm:presLayoutVars>
          <dgm:dir/>
          <dgm:resizeHandles val="exact"/>
        </dgm:presLayoutVars>
      </dgm:prSet>
      <dgm:spPr/>
    </dgm:pt>
    <dgm:pt modelId="{3DA0D2EC-7A9E-47A9-AE3C-43A628F659C2}" type="pres">
      <dgm:prSet presAssocID="{1CA5D44E-99ED-4905-9157-2D3791180CAF}" presName="composite" presStyleCnt="0"/>
      <dgm:spPr/>
    </dgm:pt>
    <dgm:pt modelId="{59DFC5F4-5E64-40D1-AD93-B8BEF9B766F9}" type="pres">
      <dgm:prSet presAssocID="{1CA5D44E-99ED-4905-9157-2D3791180CAF}" presName="rect1" presStyleLbl="trAlignAcc1" presStyleIdx="0" presStyleCnt="3" custScaleX="165063">
        <dgm:presLayoutVars>
          <dgm:bulletEnabled val="1"/>
        </dgm:presLayoutVars>
      </dgm:prSet>
      <dgm:spPr/>
    </dgm:pt>
    <dgm:pt modelId="{F2C3F5A8-1FAF-4B6E-A441-D6278F640344}" type="pres">
      <dgm:prSet presAssocID="{1CA5D44E-99ED-4905-9157-2D3791180CAF}" presName="rect2" presStyleLbl="fgImgPlace1" presStyleIdx="0" presStyleCnt="3" custLinFactX="-62368" custLinFactNeighborX="-100000"/>
      <dgm:spPr>
        <a:blipFill rotWithShape="1"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</dgm:spPr>
    </dgm:pt>
    <dgm:pt modelId="{ED23E308-534F-4B3F-9FE1-726F4D57DA63}" type="pres">
      <dgm:prSet presAssocID="{01A928A2-06CA-4287-AA28-9D6E4BCEE34C}" presName="sibTrans" presStyleCnt="0"/>
      <dgm:spPr/>
    </dgm:pt>
    <dgm:pt modelId="{5FECDC19-ADA3-470B-A140-E92B4221A881}" type="pres">
      <dgm:prSet presAssocID="{8CD41F6D-AADA-4149-8214-518B4589156E}" presName="composite" presStyleCnt="0"/>
      <dgm:spPr/>
    </dgm:pt>
    <dgm:pt modelId="{07E270EC-A75D-435E-846B-0826555653C0}" type="pres">
      <dgm:prSet presAssocID="{8CD41F6D-AADA-4149-8214-518B4589156E}" presName="rect1" presStyleLbl="trAlignAcc1" presStyleIdx="1" presStyleCnt="3" custScaleX="165063">
        <dgm:presLayoutVars>
          <dgm:bulletEnabled val="1"/>
        </dgm:presLayoutVars>
      </dgm:prSet>
      <dgm:spPr/>
    </dgm:pt>
    <dgm:pt modelId="{1C0C19C6-76FA-415C-B312-E278EAEBEE96}" type="pres">
      <dgm:prSet presAssocID="{8CD41F6D-AADA-4149-8214-518B4589156E}" presName="rect2" presStyleLbl="fgImgPlace1" presStyleIdx="1" presStyleCnt="3" custLinFactX="-62368" custLinFactNeighborX="-100000"/>
      <dgm:spPr>
        <a:blipFill rotWithShape="1"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8000" r="-28000"/>
          </a:stretch>
        </a:blipFill>
      </dgm:spPr>
    </dgm:pt>
    <dgm:pt modelId="{20974F24-8216-49BE-96C6-AC3C5F8A35EF}" type="pres">
      <dgm:prSet presAssocID="{217E227E-82EC-4D98-B362-D74CEC97E356}" presName="sibTrans" presStyleCnt="0"/>
      <dgm:spPr/>
    </dgm:pt>
    <dgm:pt modelId="{21434CCA-8981-4271-B17B-0E9C0BD3FB56}" type="pres">
      <dgm:prSet presAssocID="{148DFDB0-84F9-4EE0-822A-46FC56BABBEC}" presName="composite" presStyleCnt="0"/>
      <dgm:spPr/>
    </dgm:pt>
    <dgm:pt modelId="{D122B05B-2C46-44FD-969B-DC0C7FDCAB3D}" type="pres">
      <dgm:prSet presAssocID="{148DFDB0-84F9-4EE0-822A-46FC56BABBEC}" presName="rect1" presStyleLbl="trAlignAcc1" presStyleIdx="2" presStyleCnt="3" custScaleX="165063">
        <dgm:presLayoutVars>
          <dgm:bulletEnabled val="1"/>
        </dgm:presLayoutVars>
      </dgm:prSet>
      <dgm:spPr/>
    </dgm:pt>
    <dgm:pt modelId="{58926B62-4C27-4E49-9D4A-2F027AD1E7B5}" type="pres">
      <dgm:prSet presAssocID="{148DFDB0-84F9-4EE0-822A-46FC56BABBEC}" presName="rect2" presStyleLbl="fgImgPlace1" presStyleIdx="2" presStyleCnt="3" custLinFactX="-62368" custLinFactNeighborX="-100000"/>
      <dgm:spPr>
        <a:blipFill rotWithShape="1"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5000" r="-25000"/>
          </a:stretch>
        </a:blipFill>
      </dgm:spPr>
    </dgm:pt>
  </dgm:ptLst>
  <dgm:cxnLst>
    <dgm:cxn modelId="{C89E9006-8B87-4A93-9ACF-6D328A66A2E1}" type="presOf" srcId="{48DFD6E7-EF2E-41BC-B93B-4859BD6BBF11}" destId="{A07FB740-19FF-4D4F-AB46-25448B8EB0DB}" srcOrd="0" destOrd="0" presId="urn:microsoft.com/office/officeart/2008/layout/PictureStrips"/>
    <dgm:cxn modelId="{8EEC4D5B-6B30-476D-B5AD-450FB9399509}" type="presOf" srcId="{148DFDB0-84F9-4EE0-822A-46FC56BABBEC}" destId="{D122B05B-2C46-44FD-969B-DC0C7FDCAB3D}" srcOrd="0" destOrd="0" presId="urn:microsoft.com/office/officeart/2008/layout/PictureStrips"/>
    <dgm:cxn modelId="{9511654E-58B4-4E87-8B9B-5A7D6A86EABF}" srcId="{48DFD6E7-EF2E-41BC-B93B-4859BD6BBF11}" destId="{8CD41F6D-AADA-4149-8214-518B4589156E}" srcOrd="1" destOrd="0" parTransId="{BBC6BC8D-79F9-40CE-AC3A-7D86465485FF}" sibTransId="{217E227E-82EC-4D98-B362-D74CEC97E356}"/>
    <dgm:cxn modelId="{2F7498AA-116A-4A28-A3D9-6A894D712B68}" srcId="{48DFD6E7-EF2E-41BC-B93B-4859BD6BBF11}" destId="{1CA5D44E-99ED-4905-9157-2D3791180CAF}" srcOrd="0" destOrd="0" parTransId="{702A22F9-DF31-4AC9-8AA2-94A6A86E9801}" sibTransId="{01A928A2-06CA-4287-AA28-9D6E4BCEE34C}"/>
    <dgm:cxn modelId="{7AB392B3-B433-4A7C-9CD1-4DC0C713A517}" srcId="{48DFD6E7-EF2E-41BC-B93B-4859BD6BBF11}" destId="{148DFDB0-84F9-4EE0-822A-46FC56BABBEC}" srcOrd="2" destOrd="0" parTransId="{54DCC875-22F2-49D8-B81B-AB8559110676}" sibTransId="{240C78B0-8DC8-469D-AD7D-CC0CE9D3D70D}"/>
    <dgm:cxn modelId="{E57F18EB-CB5C-4CF8-B21A-DF68A8632075}" type="presOf" srcId="{8CD41F6D-AADA-4149-8214-518B4589156E}" destId="{07E270EC-A75D-435E-846B-0826555653C0}" srcOrd="0" destOrd="0" presId="urn:microsoft.com/office/officeart/2008/layout/PictureStrips"/>
    <dgm:cxn modelId="{900D00F0-E0CC-4CBD-947E-0C941D471909}" type="presOf" srcId="{1CA5D44E-99ED-4905-9157-2D3791180CAF}" destId="{59DFC5F4-5E64-40D1-AD93-B8BEF9B766F9}" srcOrd="0" destOrd="0" presId="urn:microsoft.com/office/officeart/2008/layout/PictureStrips"/>
    <dgm:cxn modelId="{9151CD12-6BF8-4336-8581-3C6E34BCAC75}" type="presParOf" srcId="{A07FB740-19FF-4D4F-AB46-25448B8EB0DB}" destId="{3DA0D2EC-7A9E-47A9-AE3C-43A628F659C2}" srcOrd="0" destOrd="0" presId="urn:microsoft.com/office/officeart/2008/layout/PictureStrips"/>
    <dgm:cxn modelId="{381502D0-614A-48DD-B71E-AD91F60E4612}" type="presParOf" srcId="{3DA0D2EC-7A9E-47A9-AE3C-43A628F659C2}" destId="{59DFC5F4-5E64-40D1-AD93-B8BEF9B766F9}" srcOrd="0" destOrd="0" presId="urn:microsoft.com/office/officeart/2008/layout/PictureStrips"/>
    <dgm:cxn modelId="{9CC65A21-2195-40CD-9135-2AE732788D9B}" type="presParOf" srcId="{3DA0D2EC-7A9E-47A9-AE3C-43A628F659C2}" destId="{F2C3F5A8-1FAF-4B6E-A441-D6278F640344}" srcOrd="1" destOrd="0" presId="urn:microsoft.com/office/officeart/2008/layout/PictureStrips"/>
    <dgm:cxn modelId="{D9B9A70E-C0DD-4FC5-A5A9-40E81780BCB3}" type="presParOf" srcId="{A07FB740-19FF-4D4F-AB46-25448B8EB0DB}" destId="{ED23E308-534F-4B3F-9FE1-726F4D57DA63}" srcOrd="1" destOrd="0" presId="urn:microsoft.com/office/officeart/2008/layout/PictureStrips"/>
    <dgm:cxn modelId="{1FB625D8-084F-43C3-ACDC-36771AA0D699}" type="presParOf" srcId="{A07FB740-19FF-4D4F-AB46-25448B8EB0DB}" destId="{5FECDC19-ADA3-470B-A140-E92B4221A881}" srcOrd="2" destOrd="0" presId="urn:microsoft.com/office/officeart/2008/layout/PictureStrips"/>
    <dgm:cxn modelId="{8AD07E83-C140-4B74-B28E-09848BCA1944}" type="presParOf" srcId="{5FECDC19-ADA3-470B-A140-E92B4221A881}" destId="{07E270EC-A75D-435E-846B-0826555653C0}" srcOrd="0" destOrd="0" presId="urn:microsoft.com/office/officeart/2008/layout/PictureStrips"/>
    <dgm:cxn modelId="{387C5F82-3D81-4721-8FED-6C05D3ADCE39}" type="presParOf" srcId="{5FECDC19-ADA3-470B-A140-E92B4221A881}" destId="{1C0C19C6-76FA-415C-B312-E278EAEBEE96}" srcOrd="1" destOrd="0" presId="urn:microsoft.com/office/officeart/2008/layout/PictureStrips"/>
    <dgm:cxn modelId="{44884C28-F6DF-4D61-8FCE-036CAE7537EF}" type="presParOf" srcId="{A07FB740-19FF-4D4F-AB46-25448B8EB0DB}" destId="{20974F24-8216-49BE-96C6-AC3C5F8A35EF}" srcOrd="3" destOrd="0" presId="urn:microsoft.com/office/officeart/2008/layout/PictureStrips"/>
    <dgm:cxn modelId="{A63D241F-71A0-4B2F-BCFF-A43FCAE17682}" type="presParOf" srcId="{A07FB740-19FF-4D4F-AB46-25448B8EB0DB}" destId="{21434CCA-8981-4271-B17B-0E9C0BD3FB56}" srcOrd="4" destOrd="0" presId="urn:microsoft.com/office/officeart/2008/layout/PictureStrips"/>
    <dgm:cxn modelId="{EBA0E1DE-F287-4339-B612-AB95742ABA77}" type="presParOf" srcId="{21434CCA-8981-4271-B17B-0E9C0BD3FB56}" destId="{D122B05B-2C46-44FD-969B-DC0C7FDCAB3D}" srcOrd="0" destOrd="0" presId="urn:microsoft.com/office/officeart/2008/layout/PictureStrips"/>
    <dgm:cxn modelId="{1D41C089-41B2-433D-B687-CDF6AE61A33F}" type="presParOf" srcId="{21434CCA-8981-4271-B17B-0E9C0BD3FB56}" destId="{58926B62-4C27-4E49-9D4A-2F027AD1E7B5}" srcOrd="1" destOrd="0" presId="urn:microsoft.com/office/officeart/2008/layout/PictureStrips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10.xml><?xml version="1.0" encoding="utf-8"?>
<dgm:dataModel xmlns:dgm="http://schemas.openxmlformats.org/drawingml/2006/diagram" xmlns:a="http://schemas.openxmlformats.org/drawingml/2006/main">
  <dgm:ptLst>
    <dgm:pt modelId="{8E3911B2-6E40-43F1-BEEB-976275AC99FB}" type="doc">
      <dgm:prSet loTypeId="urn:microsoft.com/office/officeart/2005/8/layout/process4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63609868-B1A0-4295-A480-73599D2A8063}">
      <dgm:prSet phldrT="[Текст]"/>
      <dgm:spPr/>
      <dgm:t>
        <a:bodyPr/>
        <a:lstStyle/>
        <a:p>
          <a:r>
            <a:rPr lang="ru-RU" dirty="0"/>
            <a:t>Использование тега &lt;</a:t>
          </a:r>
          <a:r>
            <a:rPr lang="ru-RU" dirty="0" err="1"/>
            <a:t>div</a:t>
          </a:r>
          <a:r>
            <a:rPr lang="ru-RU" dirty="0"/>
            <a:t>&gt; как базового элемента блочной структуры сайта</a:t>
          </a:r>
        </a:p>
      </dgm:t>
    </dgm:pt>
    <dgm:pt modelId="{CC2A3334-8FEB-4AAA-A9E3-61853C682BE9}" type="parTrans" cxnId="{BE33D7FD-7409-48CA-BE9E-9B8A7FEDC5F7}">
      <dgm:prSet/>
      <dgm:spPr/>
      <dgm:t>
        <a:bodyPr/>
        <a:lstStyle/>
        <a:p>
          <a:endParaRPr lang="ru-RU"/>
        </a:p>
      </dgm:t>
    </dgm:pt>
    <dgm:pt modelId="{49FD5574-C68B-4256-B7E3-D914F648369B}" type="sibTrans" cxnId="{BE33D7FD-7409-48CA-BE9E-9B8A7FEDC5F7}">
      <dgm:prSet/>
      <dgm:spPr/>
      <dgm:t>
        <a:bodyPr/>
        <a:lstStyle/>
        <a:p>
          <a:endParaRPr lang="ru-RU"/>
        </a:p>
      </dgm:t>
    </dgm:pt>
    <dgm:pt modelId="{A796B063-F165-4B5B-981E-EC5D52522648}">
      <dgm:prSet phldrT="[Текст]"/>
      <dgm:spPr/>
      <dgm:t>
        <a:bodyPr/>
        <a:lstStyle/>
        <a:p>
          <a:r>
            <a:rPr lang="ru-RU" dirty="0"/>
            <a:t>Разделение кода</a:t>
          </a:r>
        </a:p>
      </dgm:t>
    </dgm:pt>
    <dgm:pt modelId="{0D7FA120-5F3D-469A-9F1E-2107D572A7BC}" type="parTrans" cxnId="{E4664B22-E421-41EA-9705-8DF4487DBA9D}">
      <dgm:prSet/>
      <dgm:spPr/>
      <dgm:t>
        <a:bodyPr/>
        <a:lstStyle/>
        <a:p>
          <a:endParaRPr lang="ru-RU"/>
        </a:p>
      </dgm:t>
    </dgm:pt>
    <dgm:pt modelId="{812724EB-A351-4973-8AC8-B60C107B2F45}" type="sibTrans" cxnId="{E4664B22-E421-41EA-9705-8DF4487DBA9D}">
      <dgm:prSet/>
      <dgm:spPr/>
      <dgm:t>
        <a:bodyPr/>
        <a:lstStyle/>
        <a:p>
          <a:endParaRPr lang="ru-RU"/>
        </a:p>
      </dgm:t>
    </dgm:pt>
    <dgm:pt modelId="{C01122CA-5D10-476E-BE36-E9D3CB6296FD}">
      <dgm:prSet phldrT="[Текст]"/>
      <dgm:spPr/>
      <dgm:t>
        <a:bodyPr/>
        <a:lstStyle/>
        <a:p>
          <a:r>
            <a:rPr lang="ru-RU" dirty="0"/>
            <a:t>Технология </a:t>
          </a:r>
          <a:r>
            <a:rPr lang="en-US" dirty="0"/>
            <a:t>CSS flexbox</a:t>
          </a:r>
          <a:endParaRPr lang="ru-RU" dirty="0"/>
        </a:p>
      </dgm:t>
    </dgm:pt>
    <dgm:pt modelId="{A1D47158-6C85-4C79-A7AF-7958212160E5}" type="parTrans" cxnId="{E21950AA-5DE8-473D-A5E9-522F96218B24}">
      <dgm:prSet/>
      <dgm:spPr/>
      <dgm:t>
        <a:bodyPr/>
        <a:lstStyle/>
        <a:p>
          <a:endParaRPr lang="ru-RU"/>
        </a:p>
      </dgm:t>
    </dgm:pt>
    <dgm:pt modelId="{7573E5E5-0BCB-4D8B-B01A-E08342B31B5A}" type="sibTrans" cxnId="{E21950AA-5DE8-473D-A5E9-522F96218B24}">
      <dgm:prSet/>
      <dgm:spPr/>
      <dgm:t>
        <a:bodyPr/>
        <a:lstStyle/>
        <a:p>
          <a:endParaRPr lang="ru-RU"/>
        </a:p>
      </dgm:t>
    </dgm:pt>
    <dgm:pt modelId="{3BBD1CA3-1339-43DA-A745-2CA770C2E66F}">
      <dgm:prSet phldrT="[Текст]"/>
      <dgm:spPr/>
      <dgm:t>
        <a:bodyPr/>
        <a:lstStyle/>
        <a:p>
          <a:r>
            <a:rPr lang="en-US" dirty="0"/>
            <a:t>JavaScript</a:t>
          </a:r>
          <a:endParaRPr lang="ru-RU" dirty="0"/>
        </a:p>
      </dgm:t>
    </dgm:pt>
    <dgm:pt modelId="{2C7F5E5A-04D6-4AED-A0B9-77D4E1FC0242}" type="parTrans" cxnId="{0711BADE-36F1-4C5C-AF18-65AF7E579EAA}">
      <dgm:prSet/>
      <dgm:spPr/>
      <dgm:t>
        <a:bodyPr/>
        <a:lstStyle/>
        <a:p>
          <a:endParaRPr lang="ru-RU"/>
        </a:p>
      </dgm:t>
    </dgm:pt>
    <dgm:pt modelId="{9C811029-4403-4661-96E0-DCED968C671C}" type="sibTrans" cxnId="{0711BADE-36F1-4C5C-AF18-65AF7E579EAA}">
      <dgm:prSet/>
      <dgm:spPr/>
      <dgm:t>
        <a:bodyPr/>
        <a:lstStyle/>
        <a:p>
          <a:endParaRPr lang="ru-RU"/>
        </a:p>
      </dgm:t>
    </dgm:pt>
    <dgm:pt modelId="{6846813C-2627-40E6-B0A9-F974ACDD680D}">
      <dgm:prSet phldrT="[Текст]"/>
      <dgm:spPr/>
      <dgm:t>
        <a:bodyPr/>
        <a:lstStyle/>
        <a:p>
          <a:r>
            <a:rPr lang="en-US" dirty="0"/>
            <a:t>jQuery</a:t>
          </a:r>
          <a:endParaRPr lang="ru-RU" dirty="0"/>
        </a:p>
      </dgm:t>
    </dgm:pt>
    <dgm:pt modelId="{8CAC936E-2C64-401A-BEC6-CBC8C1F22CA0}" type="parTrans" cxnId="{49F64A1E-32E4-48BB-96E4-369BF413E99C}">
      <dgm:prSet/>
      <dgm:spPr/>
      <dgm:t>
        <a:bodyPr/>
        <a:lstStyle/>
        <a:p>
          <a:endParaRPr lang="ru-RU"/>
        </a:p>
      </dgm:t>
    </dgm:pt>
    <dgm:pt modelId="{753641E3-FFC9-4EA0-BB10-9734EEF65F4C}" type="sibTrans" cxnId="{49F64A1E-32E4-48BB-96E4-369BF413E99C}">
      <dgm:prSet/>
      <dgm:spPr/>
      <dgm:t>
        <a:bodyPr/>
        <a:lstStyle/>
        <a:p>
          <a:endParaRPr lang="ru-RU"/>
        </a:p>
      </dgm:t>
    </dgm:pt>
    <dgm:pt modelId="{AD9C26A3-2416-4C40-947F-66A51FAFC169}">
      <dgm:prSet phldrT="[Текст]"/>
      <dgm:spPr/>
      <dgm:t>
        <a:bodyPr/>
        <a:lstStyle/>
        <a:p>
          <a:r>
            <a:rPr lang="ru-RU" dirty="0"/>
            <a:t>плагины</a:t>
          </a:r>
          <a:r>
            <a:rPr lang="en-US" dirty="0"/>
            <a:t> JS</a:t>
          </a:r>
          <a:r>
            <a:rPr lang="ru-RU" dirty="0"/>
            <a:t> </a:t>
          </a:r>
        </a:p>
      </dgm:t>
    </dgm:pt>
    <dgm:pt modelId="{90148A3B-FD59-4CC6-A916-248160418909}" type="parTrans" cxnId="{DD580F77-7949-4576-AB7C-3E24D8EF8759}">
      <dgm:prSet/>
      <dgm:spPr/>
      <dgm:t>
        <a:bodyPr/>
        <a:lstStyle/>
        <a:p>
          <a:endParaRPr lang="ru-RU"/>
        </a:p>
      </dgm:t>
    </dgm:pt>
    <dgm:pt modelId="{67631E33-8E66-4609-AED7-AD1C1A9EBF84}" type="sibTrans" cxnId="{DD580F77-7949-4576-AB7C-3E24D8EF8759}">
      <dgm:prSet/>
      <dgm:spPr/>
      <dgm:t>
        <a:bodyPr/>
        <a:lstStyle/>
        <a:p>
          <a:endParaRPr lang="ru-RU"/>
        </a:p>
      </dgm:t>
    </dgm:pt>
    <dgm:pt modelId="{9D4A97A4-A4B9-4796-89E9-5C13D1D555A2}" type="pres">
      <dgm:prSet presAssocID="{8E3911B2-6E40-43F1-BEEB-976275AC99FB}" presName="Name0" presStyleCnt="0">
        <dgm:presLayoutVars>
          <dgm:dir/>
          <dgm:animLvl val="lvl"/>
          <dgm:resizeHandles val="exact"/>
        </dgm:presLayoutVars>
      </dgm:prSet>
      <dgm:spPr/>
    </dgm:pt>
    <dgm:pt modelId="{332ECEA8-F539-4E60-AC4D-F2A57A948D85}" type="pres">
      <dgm:prSet presAssocID="{AD9C26A3-2416-4C40-947F-66A51FAFC169}" presName="boxAndChildren" presStyleCnt="0"/>
      <dgm:spPr/>
    </dgm:pt>
    <dgm:pt modelId="{2B2F0182-B1CD-4262-BE84-CB7DF88EFF36}" type="pres">
      <dgm:prSet presAssocID="{AD9C26A3-2416-4C40-947F-66A51FAFC169}" presName="parentTextBox" presStyleLbl="node1" presStyleIdx="0" presStyleCnt="6"/>
      <dgm:spPr/>
    </dgm:pt>
    <dgm:pt modelId="{587111EE-02AE-485C-8BB1-41CBB20808E8}" type="pres">
      <dgm:prSet presAssocID="{753641E3-FFC9-4EA0-BB10-9734EEF65F4C}" presName="sp" presStyleCnt="0"/>
      <dgm:spPr/>
    </dgm:pt>
    <dgm:pt modelId="{2EEE9A3C-06AB-4EEF-9A85-B58624A5EAA1}" type="pres">
      <dgm:prSet presAssocID="{6846813C-2627-40E6-B0A9-F974ACDD680D}" presName="arrowAndChildren" presStyleCnt="0"/>
      <dgm:spPr/>
    </dgm:pt>
    <dgm:pt modelId="{9CE090A4-C21E-4D9A-BBF5-2BA5BBBC0E69}" type="pres">
      <dgm:prSet presAssocID="{6846813C-2627-40E6-B0A9-F974ACDD680D}" presName="parentTextArrow" presStyleLbl="node1" presStyleIdx="1" presStyleCnt="6"/>
      <dgm:spPr/>
    </dgm:pt>
    <dgm:pt modelId="{8D590A45-A38D-4D42-AD7C-7AA9F17BE1C0}" type="pres">
      <dgm:prSet presAssocID="{9C811029-4403-4661-96E0-DCED968C671C}" presName="sp" presStyleCnt="0"/>
      <dgm:spPr/>
    </dgm:pt>
    <dgm:pt modelId="{EE20F82A-A5EB-4ADE-8EBD-6DF8A0219470}" type="pres">
      <dgm:prSet presAssocID="{3BBD1CA3-1339-43DA-A745-2CA770C2E66F}" presName="arrowAndChildren" presStyleCnt="0"/>
      <dgm:spPr/>
    </dgm:pt>
    <dgm:pt modelId="{B881AFAB-E24A-4642-9F73-5710340EA484}" type="pres">
      <dgm:prSet presAssocID="{3BBD1CA3-1339-43DA-A745-2CA770C2E66F}" presName="parentTextArrow" presStyleLbl="node1" presStyleIdx="2" presStyleCnt="6"/>
      <dgm:spPr/>
    </dgm:pt>
    <dgm:pt modelId="{DF7E15D6-CBE9-439C-85BF-3B5A5A62B264}" type="pres">
      <dgm:prSet presAssocID="{7573E5E5-0BCB-4D8B-B01A-E08342B31B5A}" presName="sp" presStyleCnt="0"/>
      <dgm:spPr/>
    </dgm:pt>
    <dgm:pt modelId="{6A5F872C-4CF9-408C-BA3A-4A958010E97C}" type="pres">
      <dgm:prSet presAssocID="{C01122CA-5D10-476E-BE36-E9D3CB6296FD}" presName="arrowAndChildren" presStyleCnt="0"/>
      <dgm:spPr/>
    </dgm:pt>
    <dgm:pt modelId="{1154D68F-3E34-449A-BF75-DEA870976B04}" type="pres">
      <dgm:prSet presAssocID="{C01122CA-5D10-476E-BE36-E9D3CB6296FD}" presName="parentTextArrow" presStyleLbl="node1" presStyleIdx="3" presStyleCnt="6"/>
      <dgm:spPr/>
    </dgm:pt>
    <dgm:pt modelId="{103F639A-B4EE-421D-96B0-0E312391CB79}" type="pres">
      <dgm:prSet presAssocID="{812724EB-A351-4973-8AC8-B60C107B2F45}" presName="sp" presStyleCnt="0"/>
      <dgm:spPr/>
    </dgm:pt>
    <dgm:pt modelId="{514B11E4-50EF-43E7-9FED-E57292180439}" type="pres">
      <dgm:prSet presAssocID="{A796B063-F165-4B5B-981E-EC5D52522648}" presName="arrowAndChildren" presStyleCnt="0"/>
      <dgm:spPr/>
    </dgm:pt>
    <dgm:pt modelId="{AB686A7B-4318-4220-AB13-AB53E338E4DA}" type="pres">
      <dgm:prSet presAssocID="{A796B063-F165-4B5B-981E-EC5D52522648}" presName="parentTextArrow" presStyleLbl="node1" presStyleIdx="4" presStyleCnt="6"/>
      <dgm:spPr/>
    </dgm:pt>
    <dgm:pt modelId="{5A6FFCA3-1BB5-4EF2-8603-CC5DF17846C1}" type="pres">
      <dgm:prSet presAssocID="{49FD5574-C68B-4256-B7E3-D914F648369B}" presName="sp" presStyleCnt="0"/>
      <dgm:spPr/>
    </dgm:pt>
    <dgm:pt modelId="{7DFE520F-ACD1-474B-8723-3C9FAE2C5D12}" type="pres">
      <dgm:prSet presAssocID="{63609868-B1A0-4295-A480-73599D2A8063}" presName="arrowAndChildren" presStyleCnt="0"/>
      <dgm:spPr/>
    </dgm:pt>
    <dgm:pt modelId="{315E9B19-2BDB-4213-80AB-EDF0C47BFD2A}" type="pres">
      <dgm:prSet presAssocID="{63609868-B1A0-4295-A480-73599D2A8063}" presName="parentTextArrow" presStyleLbl="node1" presStyleIdx="5" presStyleCnt="6"/>
      <dgm:spPr/>
    </dgm:pt>
  </dgm:ptLst>
  <dgm:cxnLst>
    <dgm:cxn modelId="{36A53C04-DFAD-4784-8F8E-262AAEA9A6CD}" type="presOf" srcId="{6846813C-2627-40E6-B0A9-F974ACDD680D}" destId="{9CE090A4-C21E-4D9A-BBF5-2BA5BBBC0E69}" srcOrd="0" destOrd="0" presId="urn:microsoft.com/office/officeart/2005/8/layout/process4"/>
    <dgm:cxn modelId="{49F64A1E-32E4-48BB-96E4-369BF413E99C}" srcId="{8E3911B2-6E40-43F1-BEEB-976275AC99FB}" destId="{6846813C-2627-40E6-B0A9-F974ACDD680D}" srcOrd="4" destOrd="0" parTransId="{8CAC936E-2C64-401A-BEC6-CBC8C1F22CA0}" sibTransId="{753641E3-FFC9-4EA0-BB10-9734EEF65F4C}"/>
    <dgm:cxn modelId="{E4664B22-E421-41EA-9705-8DF4487DBA9D}" srcId="{8E3911B2-6E40-43F1-BEEB-976275AC99FB}" destId="{A796B063-F165-4B5B-981E-EC5D52522648}" srcOrd="1" destOrd="0" parTransId="{0D7FA120-5F3D-469A-9F1E-2107D572A7BC}" sibTransId="{812724EB-A351-4973-8AC8-B60C107B2F45}"/>
    <dgm:cxn modelId="{9CDCA825-F903-4168-8981-F261C6CEFB3E}" type="presOf" srcId="{63609868-B1A0-4295-A480-73599D2A8063}" destId="{315E9B19-2BDB-4213-80AB-EDF0C47BFD2A}" srcOrd="0" destOrd="0" presId="urn:microsoft.com/office/officeart/2005/8/layout/process4"/>
    <dgm:cxn modelId="{F5D10756-8C82-4EEF-A3AB-1953B928C89E}" type="presOf" srcId="{8E3911B2-6E40-43F1-BEEB-976275AC99FB}" destId="{9D4A97A4-A4B9-4796-89E9-5C13D1D555A2}" srcOrd="0" destOrd="0" presId="urn:microsoft.com/office/officeart/2005/8/layout/process4"/>
    <dgm:cxn modelId="{DD580F77-7949-4576-AB7C-3E24D8EF8759}" srcId="{8E3911B2-6E40-43F1-BEEB-976275AC99FB}" destId="{AD9C26A3-2416-4C40-947F-66A51FAFC169}" srcOrd="5" destOrd="0" parTransId="{90148A3B-FD59-4CC6-A916-248160418909}" sibTransId="{67631E33-8E66-4609-AED7-AD1C1A9EBF84}"/>
    <dgm:cxn modelId="{9F003E80-02F2-4C49-B7D4-CC65DE7BCE2F}" type="presOf" srcId="{A796B063-F165-4B5B-981E-EC5D52522648}" destId="{AB686A7B-4318-4220-AB13-AB53E338E4DA}" srcOrd="0" destOrd="0" presId="urn:microsoft.com/office/officeart/2005/8/layout/process4"/>
    <dgm:cxn modelId="{6951959C-EDB0-4D14-8D41-1DA739667F5B}" type="presOf" srcId="{C01122CA-5D10-476E-BE36-E9D3CB6296FD}" destId="{1154D68F-3E34-449A-BF75-DEA870976B04}" srcOrd="0" destOrd="0" presId="urn:microsoft.com/office/officeart/2005/8/layout/process4"/>
    <dgm:cxn modelId="{E21950AA-5DE8-473D-A5E9-522F96218B24}" srcId="{8E3911B2-6E40-43F1-BEEB-976275AC99FB}" destId="{C01122CA-5D10-476E-BE36-E9D3CB6296FD}" srcOrd="2" destOrd="0" parTransId="{A1D47158-6C85-4C79-A7AF-7958212160E5}" sibTransId="{7573E5E5-0BCB-4D8B-B01A-E08342B31B5A}"/>
    <dgm:cxn modelId="{0711BADE-36F1-4C5C-AF18-65AF7E579EAA}" srcId="{8E3911B2-6E40-43F1-BEEB-976275AC99FB}" destId="{3BBD1CA3-1339-43DA-A745-2CA770C2E66F}" srcOrd="3" destOrd="0" parTransId="{2C7F5E5A-04D6-4AED-A0B9-77D4E1FC0242}" sibTransId="{9C811029-4403-4661-96E0-DCED968C671C}"/>
    <dgm:cxn modelId="{798298E9-091B-4695-AFCE-F9E22A16D146}" type="presOf" srcId="{3BBD1CA3-1339-43DA-A745-2CA770C2E66F}" destId="{B881AFAB-E24A-4642-9F73-5710340EA484}" srcOrd="0" destOrd="0" presId="urn:microsoft.com/office/officeart/2005/8/layout/process4"/>
    <dgm:cxn modelId="{98B35BFC-C46E-4022-9AE8-FBE36F0775A8}" type="presOf" srcId="{AD9C26A3-2416-4C40-947F-66A51FAFC169}" destId="{2B2F0182-B1CD-4262-BE84-CB7DF88EFF36}" srcOrd="0" destOrd="0" presId="urn:microsoft.com/office/officeart/2005/8/layout/process4"/>
    <dgm:cxn modelId="{BE33D7FD-7409-48CA-BE9E-9B8A7FEDC5F7}" srcId="{8E3911B2-6E40-43F1-BEEB-976275AC99FB}" destId="{63609868-B1A0-4295-A480-73599D2A8063}" srcOrd="0" destOrd="0" parTransId="{CC2A3334-8FEB-4AAA-A9E3-61853C682BE9}" sibTransId="{49FD5574-C68B-4256-B7E3-D914F648369B}"/>
    <dgm:cxn modelId="{BABC817A-B893-4E16-ACFC-31916C924667}" type="presParOf" srcId="{9D4A97A4-A4B9-4796-89E9-5C13D1D555A2}" destId="{332ECEA8-F539-4E60-AC4D-F2A57A948D85}" srcOrd="0" destOrd="0" presId="urn:microsoft.com/office/officeart/2005/8/layout/process4"/>
    <dgm:cxn modelId="{5605DE22-67F1-4E21-8A8D-984BBD29EB04}" type="presParOf" srcId="{332ECEA8-F539-4E60-AC4D-F2A57A948D85}" destId="{2B2F0182-B1CD-4262-BE84-CB7DF88EFF36}" srcOrd="0" destOrd="0" presId="urn:microsoft.com/office/officeart/2005/8/layout/process4"/>
    <dgm:cxn modelId="{9412874A-CFDD-4822-9F7C-AB1AC497D13F}" type="presParOf" srcId="{9D4A97A4-A4B9-4796-89E9-5C13D1D555A2}" destId="{587111EE-02AE-485C-8BB1-41CBB20808E8}" srcOrd="1" destOrd="0" presId="urn:microsoft.com/office/officeart/2005/8/layout/process4"/>
    <dgm:cxn modelId="{1256E0F4-9856-4EED-9C8A-44EC4BF6158D}" type="presParOf" srcId="{9D4A97A4-A4B9-4796-89E9-5C13D1D555A2}" destId="{2EEE9A3C-06AB-4EEF-9A85-B58624A5EAA1}" srcOrd="2" destOrd="0" presId="urn:microsoft.com/office/officeart/2005/8/layout/process4"/>
    <dgm:cxn modelId="{E3EBF3FE-8E99-418D-82E8-22FEDD5EF540}" type="presParOf" srcId="{2EEE9A3C-06AB-4EEF-9A85-B58624A5EAA1}" destId="{9CE090A4-C21E-4D9A-BBF5-2BA5BBBC0E69}" srcOrd="0" destOrd="0" presId="urn:microsoft.com/office/officeart/2005/8/layout/process4"/>
    <dgm:cxn modelId="{6921A017-6D5F-4CD4-8147-D1D3571D6D32}" type="presParOf" srcId="{9D4A97A4-A4B9-4796-89E9-5C13D1D555A2}" destId="{8D590A45-A38D-4D42-AD7C-7AA9F17BE1C0}" srcOrd="3" destOrd="0" presId="urn:microsoft.com/office/officeart/2005/8/layout/process4"/>
    <dgm:cxn modelId="{2E8BE56A-D283-463C-AA0A-959A0EEB62C7}" type="presParOf" srcId="{9D4A97A4-A4B9-4796-89E9-5C13D1D555A2}" destId="{EE20F82A-A5EB-4ADE-8EBD-6DF8A0219470}" srcOrd="4" destOrd="0" presId="urn:microsoft.com/office/officeart/2005/8/layout/process4"/>
    <dgm:cxn modelId="{F7EBFD47-56D5-42AE-8301-4FA6013D418C}" type="presParOf" srcId="{EE20F82A-A5EB-4ADE-8EBD-6DF8A0219470}" destId="{B881AFAB-E24A-4642-9F73-5710340EA484}" srcOrd="0" destOrd="0" presId="urn:microsoft.com/office/officeart/2005/8/layout/process4"/>
    <dgm:cxn modelId="{81FFA9AF-2AF0-4AED-88E1-25F5A54BFF23}" type="presParOf" srcId="{9D4A97A4-A4B9-4796-89E9-5C13D1D555A2}" destId="{DF7E15D6-CBE9-439C-85BF-3B5A5A62B264}" srcOrd="5" destOrd="0" presId="urn:microsoft.com/office/officeart/2005/8/layout/process4"/>
    <dgm:cxn modelId="{44061EDE-7430-4232-8D79-E4401D6E5D2C}" type="presParOf" srcId="{9D4A97A4-A4B9-4796-89E9-5C13D1D555A2}" destId="{6A5F872C-4CF9-408C-BA3A-4A958010E97C}" srcOrd="6" destOrd="0" presId="urn:microsoft.com/office/officeart/2005/8/layout/process4"/>
    <dgm:cxn modelId="{169D7222-8988-498E-8B67-85B5E7BCF2FD}" type="presParOf" srcId="{6A5F872C-4CF9-408C-BA3A-4A958010E97C}" destId="{1154D68F-3E34-449A-BF75-DEA870976B04}" srcOrd="0" destOrd="0" presId="urn:microsoft.com/office/officeart/2005/8/layout/process4"/>
    <dgm:cxn modelId="{10F6464A-6D74-4717-8516-56FF9C01613E}" type="presParOf" srcId="{9D4A97A4-A4B9-4796-89E9-5C13D1D555A2}" destId="{103F639A-B4EE-421D-96B0-0E312391CB79}" srcOrd="7" destOrd="0" presId="urn:microsoft.com/office/officeart/2005/8/layout/process4"/>
    <dgm:cxn modelId="{CD025D50-1BBC-4E80-83CB-5D6AB7FF2A19}" type="presParOf" srcId="{9D4A97A4-A4B9-4796-89E9-5C13D1D555A2}" destId="{514B11E4-50EF-43E7-9FED-E57292180439}" srcOrd="8" destOrd="0" presId="urn:microsoft.com/office/officeart/2005/8/layout/process4"/>
    <dgm:cxn modelId="{BB537533-7024-4FC5-9F99-53A2D0A0B350}" type="presParOf" srcId="{514B11E4-50EF-43E7-9FED-E57292180439}" destId="{AB686A7B-4318-4220-AB13-AB53E338E4DA}" srcOrd="0" destOrd="0" presId="urn:microsoft.com/office/officeart/2005/8/layout/process4"/>
    <dgm:cxn modelId="{9A8E1AC4-5ED1-4E6C-8602-FB0769B1972F}" type="presParOf" srcId="{9D4A97A4-A4B9-4796-89E9-5C13D1D555A2}" destId="{5A6FFCA3-1BB5-4EF2-8603-CC5DF17846C1}" srcOrd="9" destOrd="0" presId="urn:microsoft.com/office/officeart/2005/8/layout/process4"/>
    <dgm:cxn modelId="{4EBE1C0B-FA0D-4D9E-8548-CEFAB5FD5DA9}" type="presParOf" srcId="{9D4A97A4-A4B9-4796-89E9-5C13D1D555A2}" destId="{7DFE520F-ACD1-474B-8723-3C9FAE2C5D12}" srcOrd="10" destOrd="0" presId="urn:microsoft.com/office/officeart/2005/8/layout/process4"/>
    <dgm:cxn modelId="{3DA790A9-370D-404B-9D8B-9493D76FA895}" type="presParOf" srcId="{7DFE520F-ACD1-474B-8723-3C9FAE2C5D12}" destId="{315E9B19-2BDB-4213-80AB-EDF0C47BFD2A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5879D219-7BAE-4087-9FED-095EBA4F343F}" type="doc">
      <dgm:prSet loTypeId="urn:microsoft.com/office/officeart/2005/8/layout/default" loCatId="list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B18E7AB8-DF48-4BB2-B16D-1C3F3D2A9201}">
      <dgm:prSet phldrT="[Текст]"/>
      <dgm:spPr/>
      <dgm:t>
        <a:bodyPr/>
        <a:lstStyle/>
        <a:p>
          <a:r>
            <a:rPr lang="ru-RU" b="1" dirty="0"/>
            <a:t>Таблица 1.5 – </a:t>
          </a:r>
          <a:r>
            <a:rPr lang="ru-RU" dirty="0"/>
            <a:t>Сравнительный анализ требований заказчика и ожиданий ЦА </a:t>
          </a:r>
        </a:p>
      </dgm:t>
    </dgm:pt>
    <dgm:pt modelId="{26A986D5-9B57-424A-B9A8-AA95382F32DA}" type="parTrans" cxnId="{7EA98937-D940-4F61-B494-D2FA676E5123}">
      <dgm:prSet/>
      <dgm:spPr/>
      <dgm:t>
        <a:bodyPr/>
        <a:lstStyle/>
        <a:p>
          <a:endParaRPr lang="ru-RU"/>
        </a:p>
      </dgm:t>
    </dgm:pt>
    <dgm:pt modelId="{6C941AE8-2BAE-46FA-8958-DBDADE6FE92D}" type="sibTrans" cxnId="{7EA98937-D940-4F61-B494-D2FA676E5123}">
      <dgm:prSet/>
      <dgm:spPr/>
      <dgm:t>
        <a:bodyPr/>
        <a:lstStyle/>
        <a:p>
          <a:endParaRPr lang="ru-RU"/>
        </a:p>
      </dgm:t>
    </dgm:pt>
    <dgm:pt modelId="{4FABEE34-454D-4160-A2E6-42AC237FF3D9}">
      <dgm:prSet phldrT="[Текст]"/>
      <dgm:spPr/>
      <dgm:t>
        <a:bodyPr/>
        <a:lstStyle/>
        <a:p>
          <a:r>
            <a:rPr lang="ru-RU" b="1" dirty="0"/>
            <a:t>Таблица 1.6 – </a:t>
          </a:r>
          <a:r>
            <a:rPr lang="ru-RU" dirty="0"/>
            <a:t>Предполагаемый функционал сайта </a:t>
          </a:r>
          <a:r>
            <a:rPr lang="ru-RU" dirty="0" err="1"/>
            <a:t>проранжированный</a:t>
          </a:r>
          <a:r>
            <a:rPr lang="ru-RU" dirty="0"/>
            <a:t> по приоритетам по технике </a:t>
          </a:r>
          <a:r>
            <a:rPr lang="en-US" dirty="0" err="1"/>
            <a:t>MoSCoW</a:t>
          </a:r>
          <a:endParaRPr lang="ru-RU" dirty="0"/>
        </a:p>
      </dgm:t>
    </dgm:pt>
    <dgm:pt modelId="{222DD912-B120-4A9D-851C-064556430452}" type="parTrans" cxnId="{204768E9-7374-45C9-AA28-A03FC81D87BA}">
      <dgm:prSet/>
      <dgm:spPr/>
      <dgm:t>
        <a:bodyPr/>
        <a:lstStyle/>
        <a:p>
          <a:endParaRPr lang="ru-RU"/>
        </a:p>
      </dgm:t>
    </dgm:pt>
    <dgm:pt modelId="{2670A539-EBE3-4A68-8780-EFE090090EA9}" type="sibTrans" cxnId="{204768E9-7374-45C9-AA28-A03FC81D87BA}">
      <dgm:prSet/>
      <dgm:spPr/>
      <dgm:t>
        <a:bodyPr/>
        <a:lstStyle/>
        <a:p>
          <a:endParaRPr lang="ru-RU"/>
        </a:p>
      </dgm:t>
    </dgm:pt>
    <dgm:pt modelId="{0E7DC5C7-85BB-4E77-A094-467DA705F439}">
      <dgm:prSet phldrT="[Текст]"/>
      <dgm:spPr/>
      <dgm:t>
        <a:bodyPr/>
        <a:lstStyle/>
        <a:p>
          <a:r>
            <a:rPr lang="ru-RU" b="1" dirty="0"/>
            <a:t>Таблица 1.7 – </a:t>
          </a:r>
          <a:r>
            <a:rPr lang="ru-RU" dirty="0"/>
            <a:t>Предполагаемый функционал сайта </a:t>
          </a:r>
          <a:r>
            <a:rPr lang="ru-RU" dirty="0" err="1"/>
            <a:t>проранжированный</a:t>
          </a:r>
          <a:r>
            <a:rPr lang="ru-RU" dirty="0"/>
            <a:t> по приоритетам по технике </a:t>
          </a:r>
          <a:r>
            <a:rPr lang="en-US" dirty="0"/>
            <a:t>NUF</a:t>
          </a:r>
          <a:endParaRPr lang="ru-RU" dirty="0"/>
        </a:p>
      </dgm:t>
    </dgm:pt>
    <dgm:pt modelId="{EE190BFB-0A70-40A1-8B14-C1BB8B81B4C3}" type="parTrans" cxnId="{EE504CD2-DF77-4C52-9C86-BFB1DA194D9C}">
      <dgm:prSet/>
      <dgm:spPr/>
      <dgm:t>
        <a:bodyPr/>
        <a:lstStyle/>
        <a:p>
          <a:endParaRPr lang="ru-RU"/>
        </a:p>
      </dgm:t>
    </dgm:pt>
    <dgm:pt modelId="{A2BD9214-AA6C-4B04-A245-0B8F5881E0E2}" type="sibTrans" cxnId="{EE504CD2-DF77-4C52-9C86-BFB1DA194D9C}">
      <dgm:prSet/>
      <dgm:spPr/>
      <dgm:t>
        <a:bodyPr/>
        <a:lstStyle/>
        <a:p>
          <a:endParaRPr lang="ru-RU"/>
        </a:p>
      </dgm:t>
    </dgm:pt>
    <dgm:pt modelId="{8AC9D610-FB23-4BB2-B3B5-789DA7E8ABCF}">
      <dgm:prSet phldrT="[Текст]"/>
      <dgm:spPr/>
      <dgm:t>
        <a:bodyPr/>
        <a:lstStyle/>
        <a:p>
          <a:r>
            <a:rPr lang="ru-RU" b="1" dirty="0"/>
            <a:t>Рисунок 1.1 – </a:t>
          </a:r>
          <a:r>
            <a:rPr lang="ru-RU" dirty="0"/>
            <a:t>Список функций по проекту по </a:t>
          </a:r>
          <a:r>
            <a:rPr lang="en-US" dirty="0"/>
            <a:t>CRUDL</a:t>
          </a:r>
          <a:r>
            <a:rPr lang="be-BY" dirty="0"/>
            <a:t> </a:t>
          </a:r>
          <a:r>
            <a:rPr lang="ru-RU" dirty="0"/>
            <a:t> подходу</a:t>
          </a:r>
        </a:p>
      </dgm:t>
    </dgm:pt>
    <dgm:pt modelId="{A2635CD4-996E-45B5-9911-2571442FC640}" type="parTrans" cxnId="{4DADFAA2-5CA4-4C5E-B008-8432D3F4F46F}">
      <dgm:prSet/>
      <dgm:spPr/>
      <dgm:t>
        <a:bodyPr/>
        <a:lstStyle/>
        <a:p>
          <a:endParaRPr lang="ru-RU"/>
        </a:p>
      </dgm:t>
    </dgm:pt>
    <dgm:pt modelId="{06F1229C-948F-40A2-9B61-0C87C342B7DD}" type="sibTrans" cxnId="{4DADFAA2-5CA4-4C5E-B008-8432D3F4F46F}">
      <dgm:prSet/>
      <dgm:spPr/>
      <dgm:t>
        <a:bodyPr/>
        <a:lstStyle/>
        <a:p>
          <a:endParaRPr lang="ru-RU"/>
        </a:p>
      </dgm:t>
    </dgm:pt>
    <dgm:pt modelId="{3CF92523-35CF-4D23-BD3D-1B4E9050BC7E}">
      <dgm:prSet phldrT="[Текст]"/>
      <dgm:spPr/>
      <dgm:t>
        <a:bodyPr/>
        <a:lstStyle/>
        <a:p>
          <a:r>
            <a:rPr lang="ru-RU" b="1" dirty="0"/>
            <a:t>Таблица Б.1.8 –</a:t>
          </a:r>
          <a:r>
            <a:rPr lang="ru-RU" dirty="0"/>
            <a:t> Функции, роли, приоритеты и номер релиза разрабатываемого веб-ресурса</a:t>
          </a:r>
        </a:p>
        <a:p>
          <a:endParaRPr lang="ru-RU" dirty="0"/>
        </a:p>
      </dgm:t>
    </dgm:pt>
    <dgm:pt modelId="{BA001D48-95EC-4272-9C3C-C7B5EA4EDAF4}" type="parTrans" cxnId="{E0386544-2EFB-4601-B85C-3013025A4968}">
      <dgm:prSet/>
      <dgm:spPr/>
      <dgm:t>
        <a:bodyPr/>
        <a:lstStyle/>
        <a:p>
          <a:endParaRPr lang="ru-RU"/>
        </a:p>
      </dgm:t>
    </dgm:pt>
    <dgm:pt modelId="{F1DBCB0A-ABE4-4802-BF0E-3B9466417C7B}" type="sibTrans" cxnId="{E0386544-2EFB-4601-B85C-3013025A4968}">
      <dgm:prSet/>
      <dgm:spPr/>
      <dgm:t>
        <a:bodyPr/>
        <a:lstStyle/>
        <a:p>
          <a:endParaRPr lang="ru-RU"/>
        </a:p>
      </dgm:t>
    </dgm:pt>
    <dgm:pt modelId="{B95D1A14-E4ED-4501-98E8-44BEAD88A092}" type="pres">
      <dgm:prSet presAssocID="{5879D219-7BAE-4087-9FED-095EBA4F343F}" presName="diagram" presStyleCnt="0">
        <dgm:presLayoutVars>
          <dgm:dir/>
          <dgm:resizeHandles val="exact"/>
        </dgm:presLayoutVars>
      </dgm:prSet>
      <dgm:spPr/>
    </dgm:pt>
    <dgm:pt modelId="{EE03FE2E-56B6-465C-AA5C-25C7BB6018FD}" type="pres">
      <dgm:prSet presAssocID="{B18E7AB8-DF48-4BB2-B16D-1C3F3D2A9201}" presName="node" presStyleLbl="node1" presStyleIdx="0" presStyleCnt="5">
        <dgm:presLayoutVars>
          <dgm:bulletEnabled val="1"/>
        </dgm:presLayoutVars>
      </dgm:prSet>
      <dgm:spPr/>
    </dgm:pt>
    <dgm:pt modelId="{A01E834F-4782-4314-A72B-E8901CA4CF18}" type="pres">
      <dgm:prSet presAssocID="{6C941AE8-2BAE-46FA-8958-DBDADE6FE92D}" presName="sibTrans" presStyleCnt="0"/>
      <dgm:spPr/>
    </dgm:pt>
    <dgm:pt modelId="{21DCA15C-DB76-44C8-BEF7-B71960232F21}" type="pres">
      <dgm:prSet presAssocID="{4FABEE34-454D-4160-A2E6-42AC237FF3D9}" presName="node" presStyleLbl="node1" presStyleIdx="1" presStyleCnt="5">
        <dgm:presLayoutVars>
          <dgm:bulletEnabled val="1"/>
        </dgm:presLayoutVars>
      </dgm:prSet>
      <dgm:spPr/>
    </dgm:pt>
    <dgm:pt modelId="{BFFFDA10-5E1A-45AD-96FE-1C9E9F99C580}" type="pres">
      <dgm:prSet presAssocID="{2670A539-EBE3-4A68-8780-EFE090090EA9}" presName="sibTrans" presStyleCnt="0"/>
      <dgm:spPr/>
    </dgm:pt>
    <dgm:pt modelId="{5556301F-FD6D-4D92-B879-943C4F8F084E}" type="pres">
      <dgm:prSet presAssocID="{0E7DC5C7-85BB-4E77-A094-467DA705F439}" presName="node" presStyleLbl="node1" presStyleIdx="2" presStyleCnt="5">
        <dgm:presLayoutVars>
          <dgm:bulletEnabled val="1"/>
        </dgm:presLayoutVars>
      </dgm:prSet>
      <dgm:spPr/>
    </dgm:pt>
    <dgm:pt modelId="{C6551FF7-39F9-4CD6-A812-D42348DD9912}" type="pres">
      <dgm:prSet presAssocID="{A2BD9214-AA6C-4B04-A245-0B8F5881E0E2}" presName="sibTrans" presStyleCnt="0"/>
      <dgm:spPr/>
    </dgm:pt>
    <dgm:pt modelId="{4E668195-D1A5-4985-BFA9-CB34BE10F11A}" type="pres">
      <dgm:prSet presAssocID="{8AC9D610-FB23-4BB2-B3B5-789DA7E8ABCF}" presName="node" presStyleLbl="node1" presStyleIdx="3" presStyleCnt="5">
        <dgm:presLayoutVars>
          <dgm:bulletEnabled val="1"/>
        </dgm:presLayoutVars>
      </dgm:prSet>
      <dgm:spPr/>
    </dgm:pt>
    <dgm:pt modelId="{DD4D25C4-EE1B-4918-9E1B-A35CCD4A7C18}" type="pres">
      <dgm:prSet presAssocID="{06F1229C-948F-40A2-9B61-0C87C342B7DD}" presName="sibTrans" presStyleCnt="0"/>
      <dgm:spPr/>
    </dgm:pt>
    <dgm:pt modelId="{36FCB608-18A1-4F32-B819-37257C20AABF}" type="pres">
      <dgm:prSet presAssocID="{3CF92523-35CF-4D23-BD3D-1B4E9050BC7E}" presName="node" presStyleLbl="node1" presStyleIdx="4" presStyleCnt="5">
        <dgm:presLayoutVars>
          <dgm:bulletEnabled val="1"/>
        </dgm:presLayoutVars>
      </dgm:prSet>
      <dgm:spPr/>
    </dgm:pt>
  </dgm:ptLst>
  <dgm:cxnLst>
    <dgm:cxn modelId="{31276B10-2557-433C-AD1F-8FFB90AF4744}" type="presOf" srcId="{3CF92523-35CF-4D23-BD3D-1B4E9050BC7E}" destId="{36FCB608-18A1-4F32-B819-37257C20AABF}" srcOrd="0" destOrd="0" presId="urn:microsoft.com/office/officeart/2005/8/layout/default"/>
    <dgm:cxn modelId="{7EA98937-D940-4F61-B494-D2FA676E5123}" srcId="{5879D219-7BAE-4087-9FED-095EBA4F343F}" destId="{B18E7AB8-DF48-4BB2-B16D-1C3F3D2A9201}" srcOrd="0" destOrd="0" parTransId="{26A986D5-9B57-424A-B9A8-AA95382F32DA}" sibTransId="{6C941AE8-2BAE-46FA-8958-DBDADE6FE92D}"/>
    <dgm:cxn modelId="{E0386544-2EFB-4601-B85C-3013025A4968}" srcId="{5879D219-7BAE-4087-9FED-095EBA4F343F}" destId="{3CF92523-35CF-4D23-BD3D-1B4E9050BC7E}" srcOrd="4" destOrd="0" parTransId="{BA001D48-95EC-4272-9C3C-C7B5EA4EDAF4}" sibTransId="{F1DBCB0A-ABE4-4802-BF0E-3B9466417C7B}"/>
    <dgm:cxn modelId="{B204016C-23D1-402C-B90F-A85F233CC3AA}" type="presOf" srcId="{4FABEE34-454D-4160-A2E6-42AC237FF3D9}" destId="{21DCA15C-DB76-44C8-BEF7-B71960232F21}" srcOrd="0" destOrd="0" presId="urn:microsoft.com/office/officeart/2005/8/layout/default"/>
    <dgm:cxn modelId="{D6D9446D-063E-43E8-9570-E9B669F92598}" type="presOf" srcId="{5879D219-7BAE-4087-9FED-095EBA4F343F}" destId="{B95D1A14-E4ED-4501-98E8-44BEAD88A092}" srcOrd="0" destOrd="0" presId="urn:microsoft.com/office/officeart/2005/8/layout/default"/>
    <dgm:cxn modelId="{E9E55E6E-BF2A-46C2-9A64-C83CF41FB94E}" type="presOf" srcId="{0E7DC5C7-85BB-4E77-A094-467DA705F439}" destId="{5556301F-FD6D-4D92-B879-943C4F8F084E}" srcOrd="0" destOrd="0" presId="urn:microsoft.com/office/officeart/2005/8/layout/default"/>
    <dgm:cxn modelId="{4DADFAA2-5CA4-4C5E-B008-8432D3F4F46F}" srcId="{5879D219-7BAE-4087-9FED-095EBA4F343F}" destId="{8AC9D610-FB23-4BB2-B3B5-789DA7E8ABCF}" srcOrd="3" destOrd="0" parTransId="{A2635CD4-996E-45B5-9911-2571442FC640}" sibTransId="{06F1229C-948F-40A2-9B61-0C87C342B7DD}"/>
    <dgm:cxn modelId="{7C355AA7-DB22-449B-B5D8-62A870D31023}" type="presOf" srcId="{B18E7AB8-DF48-4BB2-B16D-1C3F3D2A9201}" destId="{EE03FE2E-56B6-465C-AA5C-25C7BB6018FD}" srcOrd="0" destOrd="0" presId="urn:microsoft.com/office/officeart/2005/8/layout/default"/>
    <dgm:cxn modelId="{EE504CD2-DF77-4C52-9C86-BFB1DA194D9C}" srcId="{5879D219-7BAE-4087-9FED-095EBA4F343F}" destId="{0E7DC5C7-85BB-4E77-A094-467DA705F439}" srcOrd="2" destOrd="0" parTransId="{EE190BFB-0A70-40A1-8B14-C1BB8B81B4C3}" sibTransId="{A2BD9214-AA6C-4B04-A245-0B8F5881E0E2}"/>
    <dgm:cxn modelId="{204768E9-7374-45C9-AA28-A03FC81D87BA}" srcId="{5879D219-7BAE-4087-9FED-095EBA4F343F}" destId="{4FABEE34-454D-4160-A2E6-42AC237FF3D9}" srcOrd="1" destOrd="0" parTransId="{222DD912-B120-4A9D-851C-064556430452}" sibTransId="{2670A539-EBE3-4A68-8780-EFE090090EA9}"/>
    <dgm:cxn modelId="{BC1702FE-DB70-4263-8FEB-1EEEEE88931C}" type="presOf" srcId="{8AC9D610-FB23-4BB2-B3B5-789DA7E8ABCF}" destId="{4E668195-D1A5-4985-BFA9-CB34BE10F11A}" srcOrd="0" destOrd="0" presId="urn:microsoft.com/office/officeart/2005/8/layout/default"/>
    <dgm:cxn modelId="{03E23360-E4F1-4C15-95A7-58FEB419E286}" type="presParOf" srcId="{B95D1A14-E4ED-4501-98E8-44BEAD88A092}" destId="{EE03FE2E-56B6-465C-AA5C-25C7BB6018FD}" srcOrd="0" destOrd="0" presId="urn:microsoft.com/office/officeart/2005/8/layout/default"/>
    <dgm:cxn modelId="{629B8CF7-9799-426A-BD47-BAB0878E0464}" type="presParOf" srcId="{B95D1A14-E4ED-4501-98E8-44BEAD88A092}" destId="{A01E834F-4782-4314-A72B-E8901CA4CF18}" srcOrd="1" destOrd="0" presId="urn:microsoft.com/office/officeart/2005/8/layout/default"/>
    <dgm:cxn modelId="{1B5FD3CD-3C3C-4755-B470-79DAD74B1AC3}" type="presParOf" srcId="{B95D1A14-E4ED-4501-98E8-44BEAD88A092}" destId="{21DCA15C-DB76-44C8-BEF7-B71960232F21}" srcOrd="2" destOrd="0" presId="urn:microsoft.com/office/officeart/2005/8/layout/default"/>
    <dgm:cxn modelId="{06AB3FDF-CA8C-4839-B792-780C4C139EDC}" type="presParOf" srcId="{B95D1A14-E4ED-4501-98E8-44BEAD88A092}" destId="{BFFFDA10-5E1A-45AD-96FE-1C9E9F99C580}" srcOrd="3" destOrd="0" presId="urn:microsoft.com/office/officeart/2005/8/layout/default"/>
    <dgm:cxn modelId="{7204A453-756F-4099-8B8F-6DAAFBA224B4}" type="presParOf" srcId="{B95D1A14-E4ED-4501-98E8-44BEAD88A092}" destId="{5556301F-FD6D-4D92-B879-943C4F8F084E}" srcOrd="4" destOrd="0" presId="urn:microsoft.com/office/officeart/2005/8/layout/default"/>
    <dgm:cxn modelId="{AB3BE671-67E6-4B4D-8390-BC689AAFF6B4}" type="presParOf" srcId="{B95D1A14-E4ED-4501-98E8-44BEAD88A092}" destId="{C6551FF7-39F9-4CD6-A812-D42348DD9912}" srcOrd="5" destOrd="0" presId="urn:microsoft.com/office/officeart/2005/8/layout/default"/>
    <dgm:cxn modelId="{1D140C7C-779F-4B23-8290-7E091BE78ACC}" type="presParOf" srcId="{B95D1A14-E4ED-4501-98E8-44BEAD88A092}" destId="{4E668195-D1A5-4985-BFA9-CB34BE10F11A}" srcOrd="6" destOrd="0" presId="urn:microsoft.com/office/officeart/2005/8/layout/default"/>
    <dgm:cxn modelId="{1ABFB376-0DBF-460F-B636-D6154427B173}" type="presParOf" srcId="{B95D1A14-E4ED-4501-98E8-44BEAD88A092}" destId="{DD4D25C4-EE1B-4918-9E1B-A35CCD4A7C18}" srcOrd="7" destOrd="0" presId="urn:microsoft.com/office/officeart/2005/8/layout/default"/>
    <dgm:cxn modelId="{320F378E-47F9-4832-B877-97426B5A4F10}" type="presParOf" srcId="{B95D1A14-E4ED-4501-98E8-44BEAD88A092}" destId="{36FCB608-18A1-4F32-B819-37257C20AABF}" srcOrd="8" destOrd="0" presId="urn:microsoft.com/office/officeart/2005/8/layout/defaul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9123615C-D57D-4AC8-84B5-7B99C80CD8E8}" type="doc">
      <dgm:prSet loTypeId="urn:microsoft.com/office/officeart/2005/8/layout/bProcess3" loCatId="process" qsTypeId="urn:microsoft.com/office/officeart/2005/8/quickstyle/simple1" qsCatId="simple" csTypeId="urn:microsoft.com/office/officeart/2005/8/colors/accent1_1" csCatId="accent1" phldr="1"/>
      <dgm:spPr/>
    </dgm:pt>
    <dgm:pt modelId="{D4A7B2BD-E652-4094-A477-5E4750C46135}">
      <dgm:prSet phldrT="[Текст]"/>
      <dgm:spPr/>
      <dgm:t>
        <a:bodyPr/>
        <a:lstStyle/>
        <a:p>
          <a:r>
            <a:rPr lang="ru-RU" dirty="0"/>
            <a:t>1. Выявление критериев и направлений для анализа (таблица 1.10)</a:t>
          </a:r>
        </a:p>
      </dgm:t>
    </dgm:pt>
    <dgm:pt modelId="{103E4037-07F3-46AE-976F-418818261D32}" type="parTrans" cxnId="{9216C321-E58F-46F5-9970-F1E6B6CEB1EF}">
      <dgm:prSet/>
      <dgm:spPr/>
      <dgm:t>
        <a:bodyPr/>
        <a:lstStyle/>
        <a:p>
          <a:endParaRPr lang="ru-RU"/>
        </a:p>
      </dgm:t>
    </dgm:pt>
    <dgm:pt modelId="{14C306B9-2753-4538-B2E2-F3D3C9E85E38}" type="sibTrans" cxnId="{9216C321-E58F-46F5-9970-F1E6B6CEB1EF}">
      <dgm:prSet/>
      <dgm:spPr/>
      <dgm:t>
        <a:bodyPr/>
        <a:lstStyle/>
        <a:p>
          <a:endParaRPr lang="ru-RU"/>
        </a:p>
      </dgm:t>
    </dgm:pt>
    <dgm:pt modelId="{3BFD89F0-D01E-480E-8F1D-2347DC70D1B7}">
      <dgm:prSet phldrT="[Текст]"/>
      <dgm:spPr/>
      <dgm:t>
        <a:bodyPr/>
        <a:lstStyle/>
        <a:p>
          <a:r>
            <a:rPr lang="ru-RU" dirty="0"/>
            <a:t>2. Формирование фокус-группы аналогов</a:t>
          </a:r>
        </a:p>
      </dgm:t>
    </dgm:pt>
    <dgm:pt modelId="{D4A5FC29-95B5-47BA-97A3-AE83E4A5127E}" type="parTrans" cxnId="{D62406BE-5363-4C7B-A79F-BDA7308A2D4A}">
      <dgm:prSet/>
      <dgm:spPr/>
      <dgm:t>
        <a:bodyPr/>
        <a:lstStyle/>
        <a:p>
          <a:endParaRPr lang="ru-RU"/>
        </a:p>
      </dgm:t>
    </dgm:pt>
    <dgm:pt modelId="{BEC829D3-8BF0-44E5-8417-E1292033E937}" type="sibTrans" cxnId="{D62406BE-5363-4C7B-A79F-BDA7308A2D4A}">
      <dgm:prSet/>
      <dgm:spPr/>
      <dgm:t>
        <a:bodyPr/>
        <a:lstStyle/>
        <a:p>
          <a:endParaRPr lang="ru-RU"/>
        </a:p>
      </dgm:t>
    </dgm:pt>
    <dgm:pt modelId="{6136FAB2-1EAA-4D75-AA67-A6E51458AD89}">
      <dgm:prSet phldrT="[Текст]"/>
      <dgm:spPr/>
      <dgm:t>
        <a:bodyPr/>
        <a:lstStyle/>
        <a:p>
          <a:r>
            <a:rPr lang="ru-RU" dirty="0"/>
            <a:t>3. Сравнительная характеристика (таблица Г.1.11)</a:t>
          </a:r>
        </a:p>
      </dgm:t>
    </dgm:pt>
    <dgm:pt modelId="{42D82EAB-EF6A-41DA-A5B9-C23BF5B1FCD0}" type="parTrans" cxnId="{29998D5D-12B7-4BDF-A50D-6F94DF35631C}">
      <dgm:prSet/>
      <dgm:spPr/>
      <dgm:t>
        <a:bodyPr/>
        <a:lstStyle/>
        <a:p>
          <a:endParaRPr lang="ru-RU"/>
        </a:p>
      </dgm:t>
    </dgm:pt>
    <dgm:pt modelId="{A7AA0905-3239-4D28-AB35-321E51DE47E4}" type="sibTrans" cxnId="{29998D5D-12B7-4BDF-A50D-6F94DF35631C}">
      <dgm:prSet/>
      <dgm:spPr/>
      <dgm:t>
        <a:bodyPr/>
        <a:lstStyle/>
        <a:p>
          <a:endParaRPr lang="ru-RU"/>
        </a:p>
      </dgm:t>
    </dgm:pt>
    <dgm:pt modelId="{E39EE81D-1535-4FA4-BA10-11F0438BE6B4}">
      <dgm:prSet phldrT="[Текст]"/>
      <dgm:spPr/>
      <dgm:t>
        <a:bodyPr/>
        <a:lstStyle/>
        <a:p>
          <a:r>
            <a:rPr lang="ru-RU" dirty="0"/>
            <a:t>4. График оценки сравнения критериев анализа аналогов (таблица Д.1.12 и рисунок 1.2)</a:t>
          </a:r>
        </a:p>
      </dgm:t>
    </dgm:pt>
    <dgm:pt modelId="{C9429987-1C55-4B38-8323-F42050955CC2}" type="parTrans" cxnId="{F77679C6-5C27-4AA8-922A-1F237E7B2A6F}">
      <dgm:prSet/>
      <dgm:spPr/>
      <dgm:t>
        <a:bodyPr/>
        <a:lstStyle/>
        <a:p>
          <a:endParaRPr lang="ru-RU"/>
        </a:p>
      </dgm:t>
    </dgm:pt>
    <dgm:pt modelId="{0BC0C7FB-8E65-4AB6-830A-E0DEE29264DB}" type="sibTrans" cxnId="{F77679C6-5C27-4AA8-922A-1F237E7B2A6F}">
      <dgm:prSet/>
      <dgm:spPr/>
      <dgm:t>
        <a:bodyPr/>
        <a:lstStyle/>
        <a:p>
          <a:endParaRPr lang="ru-RU"/>
        </a:p>
      </dgm:t>
    </dgm:pt>
    <dgm:pt modelId="{83156961-913E-4E3D-90FA-B11B57753F86}">
      <dgm:prSet phldrT="[Текст]"/>
      <dgm:spPr/>
      <dgm:t>
        <a:bodyPr/>
        <a:lstStyle/>
        <a:p>
          <a:r>
            <a:rPr lang="ru-RU" dirty="0"/>
            <a:t>5. Аналитический отчет (таблица Е.1.13)</a:t>
          </a:r>
        </a:p>
      </dgm:t>
    </dgm:pt>
    <dgm:pt modelId="{CBC3AC27-C0FE-486F-A914-3F159F3B4792}" type="parTrans" cxnId="{27CCB734-1EF2-4F7E-B695-4D2781B177D3}">
      <dgm:prSet/>
      <dgm:spPr/>
      <dgm:t>
        <a:bodyPr/>
        <a:lstStyle/>
        <a:p>
          <a:endParaRPr lang="ru-RU"/>
        </a:p>
      </dgm:t>
    </dgm:pt>
    <dgm:pt modelId="{08524B65-63CF-415E-9BE4-74651D24647C}" type="sibTrans" cxnId="{27CCB734-1EF2-4F7E-B695-4D2781B177D3}">
      <dgm:prSet/>
      <dgm:spPr/>
      <dgm:t>
        <a:bodyPr/>
        <a:lstStyle/>
        <a:p>
          <a:endParaRPr lang="ru-RU"/>
        </a:p>
      </dgm:t>
    </dgm:pt>
    <dgm:pt modelId="{2624AFD1-03E5-4757-9ADC-45A687C047EE}">
      <dgm:prSet phldrT="[Текст]"/>
      <dgm:spPr/>
      <dgm:t>
        <a:bodyPr/>
        <a:lstStyle/>
        <a:p>
          <a:r>
            <a:rPr lang="ru-RU" dirty="0"/>
            <a:t>6. Итоговая концепция сайта</a:t>
          </a:r>
        </a:p>
      </dgm:t>
    </dgm:pt>
    <dgm:pt modelId="{885B81BE-3315-4801-94BE-5A9BDC2C317A}" type="parTrans" cxnId="{897F8AA1-DA28-4EF1-9612-7ED0DC38E86E}">
      <dgm:prSet/>
      <dgm:spPr/>
      <dgm:t>
        <a:bodyPr/>
        <a:lstStyle/>
        <a:p>
          <a:endParaRPr lang="ru-RU"/>
        </a:p>
      </dgm:t>
    </dgm:pt>
    <dgm:pt modelId="{38EFC893-40C1-4D8A-9980-B1922CEA7E10}" type="sibTrans" cxnId="{897F8AA1-DA28-4EF1-9612-7ED0DC38E86E}">
      <dgm:prSet/>
      <dgm:spPr/>
      <dgm:t>
        <a:bodyPr/>
        <a:lstStyle/>
        <a:p>
          <a:endParaRPr lang="ru-RU"/>
        </a:p>
      </dgm:t>
    </dgm:pt>
    <dgm:pt modelId="{0E619996-5BEE-42D6-B7E5-25BE64BF8FBD}" type="pres">
      <dgm:prSet presAssocID="{9123615C-D57D-4AC8-84B5-7B99C80CD8E8}" presName="Name0" presStyleCnt="0">
        <dgm:presLayoutVars>
          <dgm:dir/>
          <dgm:resizeHandles val="exact"/>
        </dgm:presLayoutVars>
      </dgm:prSet>
      <dgm:spPr/>
    </dgm:pt>
    <dgm:pt modelId="{903D0818-8848-48DC-8409-AE655AEC44A9}" type="pres">
      <dgm:prSet presAssocID="{D4A7B2BD-E652-4094-A477-5E4750C46135}" presName="node" presStyleLbl="node1" presStyleIdx="0" presStyleCnt="6">
        <dgm:presLayoutVars>
          <dgm:bulletEnabled val="1"/>
        </dgm:presLayoutVars>
      </dgm:prSet>
      <dgm:spPr/>
    </dgm:pt>
    <dgm:pt modelId="{A7199A46-4A7F-4DAE-AAC8-E9C0B349B3BC}" type="pres">
      <dgm:prSet presAssocID="{14C306B9-2753-4538-B2E2-F3D3C9E85E38}" presName="sibTrans" presStyleLbl="sibTrans1D1" presStyleIdx="0" presStyleCnt="5"/>
      <dgm:spPr/>
    </dgm:pt>
    <dgm:pt modelId="{3FF18DB7-9AD7-4A89-AC54-0919E64F2FB9}" type="pres">
      <dgm:prSet presAssocID="{14C306B9-2753-4538-B2E2-F3D3C9E85E38}" presName="connectorText" presStyleLbl="sibTrans1D1" presStyleIdx="0" presStyleCnt="5"/>
      <dgm:spPr/>
    </dgm:pt>
    <dgm:pt modelId="{1CE38B92-91AF-4BF8-ABF5-F08354B49B26}" type="pres">
      <dgm:prSet presAssocID="{3BFD89F0-D01E-480E-8F1D-2347DC70D1B7}" presName="node" presStyleLbl="node1" presStyleIdx="1" presStyleCnt="6">
        <dgm:presLayoutVars>
          <dgm:bulletEnabled val="1"/>
        </dgm:presLayoutVars>
      </dgm:prSet>
      <dgm:spPr/>
    </dgm:pt>
    <dgm:pt modelId="{22CA1137-3624-4E28-99A0-4B35A1D17EAB}" type="pres">
      <dgm:prSet presAssocID="{BEC829D3-8BF0-44E5-8417-E1292033E937}" presName="sibTrans" presStyleLbl="sibTrans1D1" presStyleIdx="1" presStyleCnt="5"/>
      <dgm:spPr/>
    </dgm:pt>
    <dgm:pt modelId="{D4D9817D-1179-4E3F-B222-FC81CCCDD032}" type="pres">
      <dgm:prSet presAssocID="{BEC829D3-8BF0-44E5-8417-E1292033E937}" presName="connectorText" presStyleLbl="sibTrans1D1" presStyleIdx="1" presStyleCnt="5"/>
      <dgm:spPr/>
    </dgm:pt>
    <dgm:pt modelId="{DB1A2407-2073-4570-AA78-D95220D19120}" type="pres">
      <dgm:prSet presAssocID="{6136FAB2-1EAA-4D75-AA67-A6E51458AD89}" presName="node" presStyleLbl="node1" presStyleIdx="2" presStyleCnt="6">
        <dgm:presLayoutVars>
          <dgm:bulletEnabled val="1"/>
        </dgm:presLayoutVars>
      </dgm:prSet>
      <dgm:spPr/>
    </dgm:pt>
    <dgm:pt modelId="{7DAC6781-1975-41DC-9F27-06EB9C5384FC}" type="pres">
      <dgm:prSet presAssocID="{A7AA0905-3239-4D28-AB35-321E51DE47E4}" presName="sibTrans" presStyleLbl="sibTrans1D1" presStyleIdx="2" presStyleCnt="5"/>
      <dgm:spPr/>
    </dgm:pt>
    <dgm:pt modelId="{03171B0C-F9C6-4AD2-B610-C6249C3BF7DA}" type="pres">
      <dgm:prSet presAssocID="{A7AA0905-3239-4D28-AB35-321E51DE47E4}" presName="connectorText" presStyleLbl="sibTrans1D1" presStyleIdx="2" presStyleCnt="5"/>
      <dgm:spPr/>
    </dgm:pt>
    <dgm:pt modelId="{10CE2E2D-316A-41C1-A836-7BE943A2AEDD}" type="pres">
      <dgm:prSet presAssocID="{E39EE81D-1535-4FA4-BA10-11F0438BE6B4}" presName="node" presStyleLbl="node1" presStyleIdx="3" presStyleCnt="6">
        <dgm:presLayoutVars>
          <dgm:bulletEnabled val="1"/>
        </dgm:presLayoutVars>
      </dgm:prSet>
      <dgm:spPr/>
    </dgm:pt>
    <dgm:pt modelId="{6D91DC93-CE74-41CE-B358-F131B2DF7129}" type="pres">
      <dgm:prSet presAssocID="{0BC0C7FB-8E65-4AB6-830A-E0DEE29264DB}" presName="sibTrans" presStyleLbl="sibTrans1D1" presStyleIdx="3" presStyleCnt="5"/>
      <dgm:spPr/>
    </dgm:pt>
    <dgm:pt modelId="{FF3FA0A1-8445-494E-83C3-09A242B6DAA7}" type="pres">
      <dgm:prSet presAssocID="{0BC0C7FB-8E65-4AB6-830A-E0DEE29264DB}" presName="connectorText" presStyleLbl="sibTrans1D1" presStyleIdx="3" presStyleCnt="5"/>
      <dgm:spPr/>
    </dgm:pt>
    <dgm:pt modelId="{C9D7495E-6D4D-491C-86DD-D50E2CDAABD1}" type="pres">
      <dgm:prSet presAssocID="{83156961-913E-4E3D-90FA-B11B57753F86}" presName="node" presStyleLbl="node1" presStyleIdx="4" presStyleCnt="6">
        <dgm:presLayoutVars>
          <dgm:bulletEnabled val="1"/>
        </dgm:presLayoutVars>
      </dgm:prSet>
      <dgm:spPr/>
    </dgm:pt>
    <dgm:pt modelId="{80D08CDA-1D3A-4F71-9F79-6DE27C3D03F9}" type="pres">
      <dgm:prSet presAssocID="{08524B65-63CF-415E-9BE4-74651D24647C}" presName="sibTrans" presStyleLbl="sibTrans1D1" presStyleIdx="4" presStyleCnt="5"/>
      <dgm:spPr/>
    </dgm:pt>
    <dgm:pt modelId="{3AF4316A-A972-4E78-A38E-F6BA01E20D1F}" type="pres">
      <dgm:prSet presAssocID="{08524B65-63CF-415E-9BE4-74651D24647C}" presName="connectorText" presStyleLbl="sibTrans1D1" presStyleIdx="4" presStyleCnt="5"/>
      <dgm:spPr/>
    </dgm:pt>
    <dgm:pt modelId="{53E7C22F-CD47-470A-B4EF-FCB462409D6B}" type="pres">
      <dgm:prSet presAssocID="{2624AFD1-03E5-4757-9ADC-45A687C047EE}" presName="node" presStyleLbl="node1" presStyleIdx="5" presStyleCnt="6">
        <dgm:presLayoutVars>
          <dgm:bulletEnabled val="1"/>
        </dgm:presLayoutVars>
      </dgm:prSet>
      <dgm:spPr/>
    </dgm:pt>
  </dgm:ptLst>
  <dgm:cxnLst>
    <dgm:cxn modelId="{9467F300-97C4-437D-A8C8-E2988794F721}" type="presOf" srcId="{0BC0C7FB-8E65-4AB6-830A-E0DEE29264DB}" destId="{6D91DC93-CE74-41CE-B358-F131B2DF7129}" srcOrd="0" destOrd="0" presId="urn:microsoft.com/office/officeart/2005/8/layout/bProcess3"/>
    <dgm:cxn modelId="{B8DD3107-0693-4E35-B44C-58DF3C23EEF4}" type="presOf" srcId="{3BFD89F0-D01E-480E-8F1D-2347DC70D1B7}" destId="{1CE38B92-91AF-4BF8-ABF5-F08354B49B26}" srcOrd="0" destOrd="0" presId="urn:microsoft.com/office/officeart/2005/8/layout/bProcess3"/>
    <dgm:cxn modelId="{72A03710-69C3-491C-96C8-8B6A850A93A6}" type="presOf" srcId="{D4A7B2BD-E652-4094-A477-5E4750C46135}" destId="{903D0818-8848-48DC-8409-AE655AEC44A9}" srcOrd="0" destOrd="0" presId="urn:microsoft.com/office/officeart/2005/8/layout/bProcess3"/>
    <dgm:cxn modelId="{35DE0717-EE77-4397-ADB7-7EF5F4B4EBCB}" type="presOf" srcId="{9123615C-D57D-4AC8-84B5-7B99C80CD8E8}" destId="{0E619996-5BEE-42D6-B7E5-25BE64BF8FBD}" srcOrd="0" destOrd="0" presId="urn:microsoft.com/office/officeart/2005/8/layout/bProcess3"/>
    <dgm:cxn modelId="{9216C321-E58F-46F5-9970-F1E6B6CEB1EF}" srcId="{9123615C-D57D-4AC8-84B5-7B99C80CD8E8}" destId="{D4A7B2BD-E652-4094-A477-5E4750C46135}" srcOrd="0" destOrd="0" parTransId="{103E4037-07F3-46AE-976F-418818261D32}" sibTransId="{14C306B9-2753-4538-B2E2-F3D3C9E85E38}"/>
    <dgm:cxn modelId="{8FE90425-1BE5-4CF7-83E7-F8F9AACB1610}" type="presOf" srcId="{BEC829D3-8BF0-44E5-8417-E1292033E937}" destId="{D4D9817D-1179-4E3F-B222-FC81CCCDD032}" srcOrd="1" destOrd="0" presId="urn:microsoft.com/office/officeart/2005/8/layout/bProcess3"/>
    <dgm:cxn modelId="{67BC2230-D0B2-4DE3-88F4-0606FA7E7DF0}" type="presOf" srcId="{83156961-913E-4E3D-90FA-B11B57753F86}" destId="{C9D7495E-6D4D-491C-86DD-D50E2CDAABD1}" srcOrd="0" destOrd="0" presId="urn:microsoft.com/office/officeart/2005/8/layout/bProcess3"/>
    <dgm:cxn modelId="{27CCB734-1EF2-4F7E-B695-4D2781B177D3}" srcId="{9123615C-D57D-4AC8-84B5-7B99C80CD8E8}" destId="{83156961-913E-4E3D-90FA-B11B57753F86}" srcOrd="4" destOrd="0" parTransId="{CBC3AC27-C0FE-486F-A914-3F159F3B4792}" sibTransId="{08524B65-63CF-415E-9BE4-74651D24647C}"/>
    <dgm:cxn modelId="{29998D5D-12B7-4BDF-A50D-6F94DF35631C}" srcId="{9123615C-D57D-4AC8-84B5-7B99C80CD8E8}" destId="{6136FAB2-1EAA-4D75-AA67-A6E51458AD89}" srcOrd="2" destOrd="0" parTransId="{42D82EAB-EF6A-41DA-A5B9-C23BF5B1FCD0}" sibTransId="{A7AA0905-3239-4D28-AB35-321E51DE47E4}"/>
    <dgm:cxn modelId="{B0FE3D47-226D-4669-BBC4-FF601FFEC9BA}" type="presOf" srcId="{2624AFD1-03E5-4757-9ADC-45A687C047EE}" destId="{53E7C22F-CD47-470A-B4EF-FCB462409D6B}" srcOrd="0" destOrd="0" presId="urn:microsoft.com/office/officeart/2005/8/layout/bProcess3"/>
    <dgm:cxn modelId="{46171348-B8DC-4B8F-AC3C-61069DFE37DB}" type="presOf" srcId="{6136FAB2-1EAA-4D75-AA67-A6E51458AD89}" destId="{DB1A2407-2073-4570-AA78-D95220D19120}" srcOrd="0" destOrd="0" presId="urn:microsoft.com/office/officeart/2005/8/layout/bProcess3"/>
    <dgm:cxn modelId="{05384C78-6573-4C9D-BE66-C7C3405F1048}" type="presOf" srcId="{0BC0C7FB-8E65-4AB6-830A-E0DEE29264DB}" destId="{FF3FA0A1-8445-494E-83C3-09A242B6DAA7}" srcOrd="1" destOrd="0" presId="urn:microsoft.com/office/officeart/2005/8/layout/bProcess3"/>
    <dgm:cxn modelId="{0FB2C97F-4132-45CF-A108-8822D4753B65}" type="presOf" srcId="{BEC829D3-8BF0-44E5-8417-E1292033E937}" destId="{22CA1137-3624-4E28-99A0-4B35A1D17EAB}" srcOrd="0" destOrd="0" presId="urn:microsoft.com/office/officeart/2005/8/layout/bProcess3"/>
    <dgm:cxn modelId="{14AEA08C-68A1-455B-941C-0BB5CF2587C0}" type="presOf" srcId="{A7AA0905-3239-4D28-AB35-321E51DE47E4}" destId="{03171B0C-F9C6-4AD2-B610-C6249C3BF7DA}" srcOrd="1" destOrd="0" presId="urn:microsoft.com/office/officeart/2005/8/layout/bProcess3"/>
    <dgm:cxn modelId="{A74A5E8E-CF7C-4019-830E-2162F2D913B4}" type="presOf" srcId="{A7AA0905-3239-4D28-AB35-321E51DE47E4}" destId="{7DAC6781-1975-41DC-9F27-06EB9C5384FC}" srcOrd="0" destOrd="0" presId="urn:microsoft.com/office/officeart/2005/8/layout/bProcess3"/>
    <dgm:cxn modelId="{9BD2C59E-E647-4FFB-B50A-547483BA6181}" type="presOf" srcId="{E39EE81D-1535-4FA4-BA10-11F0438BE6B4}" destId="{10CE2E2D-316A-41C1-A836-7BE943A2AEDD}" srcOrd="0" destOrd="0" presId="urn:microsoft.com/office/officeart/2005/8/layout/bProcess3"/>
    <dgm:cxn modelId="{897F8AA1-DA28-4EF1-9612-7ED0DC38E86E}" srcId="{9123615C-D57D-4AC8-84B5-7B99C80CD8E8}" destId="{2624AFD1-03E5-4757-9ADC-45A687C047EE}" srcOrd="5" destOrd="0" parTransId="{885B81BE-3315-4801-94BE-5A9BDC2C317A}" sibTransId="{38EFC893-40C1-4D8A-9980-B1922CEA7E10}"/>
    <dgm:cxn modelId="{D5FE2EAC-A2AB-43A9-BF04-126DC6EA9FB7}" type="presOf" srcId="{14C306B9-2753-4538-B2E2-F3D3C9E85E38}" destId="{3FF18DB7-9AD7-4A89-AC54-0919E64F2FB9}" srcOrd="1" destOrd="0" presId="urn:microsoft.com/office/officeart/2005/8/layout/bProcess3"/>
    <dgm:cxn modelId="{F45CFFBC-8626-40CF-8D67-04894010FFF0}" type="presOf" srcId="{14C306B9-2753-4538-B2E2-F3D3C9E85E38}" destId="{A7199A46-4A7F-4DAE-AAC8-E9C0B349B3BC}" srcOrd="0" destOrd="0" presId="urn:microsoft.com/office/officeart/2005/8/layout/bProcess3"/>
    <dgm:cxn modelId="{D62406BE-5363-4C7B-A79F-BDA7308A2D4A}" srcId="{9123615C-D57D-4AC8-84B5-7B99C80CD8E8}" destId="{3BFD89F0-D01E-480E-8F1D-2347DC70D1B7}" srcOrd="1" destOrd="0" parTransId="{D4A5FC29-95B5-47BA-97A3-AE83E4A5127E}" sibTransId="{BEC829D3-8BF0-44E5-8417-E1292033E937}"/>
    <dgm:cxn modelId="{557D74C0-6A10-49FE-8121-A727B2C713E8}" type="presOf" srcId="{08524B65-63CF-415E-9BE4-74651D24647C}" destId="{80D08CDA-1D3A-4F71-9F79-6DE27C3D03F9}" srcOrd="0" destOrd="0" presId="urn:microsoft.com/office/officeart/2005/8/layout/bProcess3"/>
    <dgm:cxn modelId="{F77679C6-5C27-4AA8-922A-1F237E7B2A6F}" srcId="{9123615C-D57D-4AC8-84B5-7B99C80CD8E8}" destId="{E39EE81D-1535-4FA4-BA10-11F0438BE6B4}" srcOrd="3" destOrd="0" parTransId="{C9429987-1C55-4B38-8323-F42050955CC2}" sibTransId="{0BC0C7FB-8E65-4AB6-830A-E0DEE29264DB}"/>
    <dgm:cxn modelId="{2DAA63DC-DC93-490F-9087-4232237838E0}" type="presOf" srcId="{08524B65-63CF-415E-9BE4-74651D24647C}" destId="{3AF4316A-A972-4E78-A38E-F6BA01E20D1F}" srcOrd="1" destOrd="0" presId="urn:microsoft.com/office/officeart/2005/8/layout/bProcess3"/>
    <dgm:cxn modelId="{6BC0DBA0-09C6-4441-9B27-836E679A2EC1}" type="presParOf" srcId="{0E619996-5BEE-42D6-B7E5-25BE64BF8FBD}" destId="{903D0818-8848-48DC-8409-AE655AEC44A9}" srcOrd="0" destOrd="0" presId="urn:microsoft.com/office/officeart/2005/8/layout/bProcess3"/>
    <dgm:cxn modelId="{43780E05-4528-42F4-960F-D826CF24B293}" type="presParOf" srcId="{0E619996-5BEE-42D6-B7E5-25BE64BF8FBD}" destId="{A7199A46-4A7F-4DAE-AAC8-E9C0B349B3BC}" srcOrd="1" destOrd="0" presId="urn:microsoft.com/office/officeart/2005/8/layout/bProcess3"/>
    <dgm:cxn modelId="{29F1768D-F458-4DF8-93F0-8250AE126627}" type="presParOf" srcId="{A7199A46-4A7F-4DAE-AAC8-E9C0B349B3BC}" destId="{3FF18DB7-9AD7-4A89-AC54-0919E64F2FB9}" srcOrd="0" destOrd="0" presId="urn:microsoft.com/office/officeart/2005/8/layout/bProcess3"/>
    <dgm:cxn modelId="{8DC96F4C-0581-42D7-8FBA-C17E5C9C2F43}" type="presParOf" srcId="{0E619996-5BEE-42D6-B7E5-25BE64BF8FBD}" destId="{1CE38B92-91AF-4BF8-ABF5-F08354B49B26}" srcOrd="2" destOrd="0" presId="urn:microsoft.com/office/officeart/2005/8/layout/bProcess3"/>
    <dgm:cxn modelId="{00EAB076-A4FE-4E1A-9D7D-19CCC050C268}" type="presParOf" srcId="{0E619996-5BEE-42D6-B7E5-25BE64BF8FBD}" destId="{22CA1137-3624-4E28-99A0-4B35A1D17EAB}" srcOrd="3" destOrd="0" presId="urn:microsoft.com/office/officeart/2005/8/layout/bProcess3"/>
    <dgm:cxn modelId="{6066D2F7-2215-4F88-AF43-C52C52835C59}" type="presParOf" srcId="{22CA1137-3624-4E28-99A0-4B35A1D17EAB}" destId="{D4D9817D-1179-4E3F-B222-FC81CCCDD032}" srcOrd="0" destOrd="0" presId="urn:microsoft.com/office/officeart/2005/8/layout/bProcess3"/>
    <dgm:cxn modelId="{6A6343D0-EBED-43C9-941C-F27A09F9720D}" type="presParOf" srcId="{0E619996-5BEE-42D6-B7E5-25BE64BF8FBD}" destId="{DB1A2407-2073-4570-AA78-D95220D19120}" srcOrd="4" destOrd="0" presId="urn:microsoft.com/office/officeart/2005/8/layout/bProcess3"/>
    <dgm:cxn modelId="{7856E830-F2C8-4187-8D8C-FE51F4429DD8}" type="presParOf" srcId="{0E619996-5BEE-42D6-B7E5-25BE64BF8FBD}" destId="{7DAC6781-1975-41DC-9F27-06EB9C5384FC}" srcOrd="5" destOrd="0" presId="urn:microsoft.com/office/officeart/2005/8/layout/bProcess3"/>
    <dgm:cxn modelId="{0395B488-A9CE-4585-8C38-FBE21D14EE33}" type="presParOf" srcId="{7DAC6781-1975-41DC-9F27-06EB9C5384FC}" destId="{03171B0C-F9C6-4AD2-B610-C6249C3BF7DA}" srcOrd="0" destOrd="0" presId="urn:microsoft.com/office/officeart/2005/8/layout/bProcess3"/>
    <dgm:cxn modelId="{A20F8FB8-3739-4FE8-9D7E-BE690DFC7F44}" type="presParOf" srcId="{0E619996-5BEE-42D6-B7E5-25BE64BF8FBD}" destId="{10CE2E2D-316A-41C1-A836-7BE943A2AEDD}" srcOrd="6" destOrd="0" presId="urn:microsoft.com/office/officeart/2005/8/layout/bProcess3"/>
    <dgm:cxn modelId="{5DA95D32-43E4-4CDF-858D-613EC91ED4B9}" type="presParOf" srcId="{0E619996-5BEE-42D6-B7E5-25BE64BF8FBD}" destId="{6D91DC93-CE74-41CE-B358-F131B2DF7129}" srcOrd="7" destOrd="0" presId="urn:microsoft.com/office/officeart/2005/8/layout/bProcess3"/>
    <dgm:cxn modelId="{D0CFAA01-7AC2-4D90-9BAE-1B14F3F5F6CF}" type="presParOf" srcId="{6D91DC93-CE74-41CE-B358-F131B2DF7129}" destId="{FF3FA0A1-8445-494E-83C3-09A242B6DAA7}" srcOrd="0" destOrd="0" presId="urn:microsoft.com/office/officeart/2005/8/layout/bProcess3"/>
    <dgm:cxn modelId="{250D2765-1DEB-40A9-A4AE-443C87CAF5C8}" type="presParOf" srcId="{0E619996-5BEE-42D6-B7E5-25BE64BF8FBD}" destId="{C9D7495E-6D4D-491C-86DD-D50E2CDAABD1}" srcOrd="8" destOrd="0" presId="urn:microsoft.com/office/officeart/2005/8/layout/bProcess3"/>
    <dgm:cxn modelId="{58596B0F-8094-46B7-A131-6B30A16CFE06}" type="presParOf" srcId="{0E619996-5BEE-42D6-B7E5-25BE64BF8FBD}" destId="{80D08CDA-1D3A-4F71-9F79-6DE27C3D03F9}" srcOrd="9" destOrd="0" presId="urn:microsoft.com/office/officeart/2005/8/layout/bProcess3"/>
    <dgm:cxn modelId="{4B1FE68D-073A-48F6-8A7D-3B0793C84C65}" type="presParOf" srcId="{80D08CDA-1D3A-4F71-9F79-6DE27C3D03F9}" destId="{3AF4316A-A972-4E78-A38E-F6BA01E20D1F}" srcOrd="0" destOrd="0" presId="urn:microsoft.com/office/officeart/2005/8/layout/bProcess3"/>
    <dgm:cxn modelId="{9D53D33D-E59F-4EF4-A123-36CF0CCCD8AE}" type="presParOf" srcId="{0E619996-5BEE-42D6-B7E5-25BE64BF8FBD}" destId="{53E7C22F-CD47-470A-B4EF-FCB462409D6B}" srcOrd="10" destOrd="0" presId="urn:microsoft.com/office/officeart/2005/8/layout/bProcess3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A596C446-D042-435B-A30D-42439B36E7B6}" type="doc">
      <dgm:prSet loTypeId="urn:microsoft.com/office/officeart/2005/8/layout/process4" loCatId="process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42B944E8-3ED9-45C8-9D0F-837DD14A2623}">
      <dgm:prSet phldrT="[Текст]"/>
      <dgm:spPr/>
      <dgm:t>
        <a:bodyPr/>
        <a:lstStyle/>
        <a:p>
          <a:pPr algn="l"/>
          <a:r>
            <a:rPr lang="ru-RU" dirty="0"/>
            <a:t>1.2.1 О продукте</a:t>
          </a:r>
        </a:p>
      </dgm:t>
    </dgm:pt>
    <dgm:pt modelId="{A8343530-EE00-4354-941C-C325725F4656}" type="parTrans" cxnId="{E328F929-E372-47B8-9CCF-E70ADED4E9B2}">
      <dgm:prSet/>
      <dgm:spPr/>
      <dgm:t>
        <a:bodyPr/>
        <a:lstStyle/>
        <a:p>
          <a:endParaRPr lang="ru-RU"/>
        </a:p>
      </dgm:t>
    </dgm:pt>
    <dgm:pt modelId="{4867D6D0-CB5F-4934-A994-A2EB99EEB5D0}" type="sibTrans" cxnId="{E328F929-E372-47B8-9CCF-E70ADED4E9B2}">
      <dgm:prSet/>
      <dgm:spPr/>
      <dgm:t>
        <a:bodyPr/>
        <a:lstStyle/>
        <a:p>
          <a:endParaRPr lang="ru-RU"/>
        </a:p>
      </dgm:t>
    </dgm:pt>
    <dgm:pt modelId="{05F6B738-7EAD-4976-B4DD-1A025EECEC3E}">
      <dgm:prSet/>
      <dgm:spPr/>
      <dgm:t>
        <a:bodyPr/>
        <a:lstStyle/>
        <a:p>
          <a:pPr algn="l"/>
          <a:r>
            <a:rPr lang="ru-RU" dirty="0"/>
            <a:t>1.2.2 Бизнес-риски</a:t>
          </a:r>
        </a:p>
      </dgm:t>
    </dgm:pt>
    <dgm:pt modelId="{F94D08B8-3A67-427A-8904-EA66E0F28ACA}" type="parTrans" cxnId="{83519341-BF99-43B4-83BA-8A9CE18F27A4}">
      <dgm:prSet/>
      <dgm:spPr/>
      <dgm:t>
        <a:bodyPr/>
        <a:lstStyle/>
        <a:p>
          <a:endParaRPr lang="ru-RU"/>
        </a:p>
      </dgm:t>
    </dgm:pt>
    <dgm:pt modelId="{C495E9BD-E62A-45A4-81E3-F39E6FE9ED36}" type="sibTrans" cxnId="{83519341-BF99-43B4-83BA-8A9CE18F27A4}">
      <dgm:prSet/>
      <dgm:spPr/>
      <dgm:t>
        <a:bodyPr/>
        <a:lstStyle/>
        <a:p>
          <a:endParaRPr lang="ru-RU"/>
        </a:p>
      </dgm:t>
    </dgm:pt>
    <dgm:pt modelId="{E64E658C-31F8-4CCD-B140-9052C4F8E387}">
      <dgm:prSet/>
      <dgm:spPr/>
      <dgm:t>
        <a:bodyPr/>
        <a:lstStyle/>
        <a:p>
          <a:pPr algn="l"/>
          <a:r>
            <a:rPr lang="ru-RU" dirty="0"/>
            <a:t>1.2.3 Информационная архитектура</a:t>
          </a:r>
        </a:p>
      </dgm:t>
    </dgm:pt>
    <dgm:pt modelId="{80BC2695-228A-4B30-93A8-2889B9D6DBC4}" type="parTrans" cxnId="{43812AC0-15CD-40BD-BEE0-32AC0D96664C}">
      <dgm:prSet/>
      <dgm:spPr/>
      <dgm:t>
        <a:bodyPr/>
        <a:lstStyle/>
        <a:p>
          <a:endParaRPr lang="ru-RU"/>
        </a:p>
      </dgm:t>
    </dgm:pt>
    <dgm:pt modelId="{B6D05505-360D-4F67-8341-13A356D19C36}" type="sibTrans" cxnId="{43812AC0-15CD-40BD-BEE0-32AC0D96664C}">
      <dgm:prSet/>
      <dgm:spPr/>
      <dgm:t>
        <a:bodyPr/>
        <a:lstStyle/>
        <a:p>
          <a:endParaRPr lang="ru-RU"/>
        </a:p>
      </dgm:t>
    </dgm:pt>
    <dgm:pt modelId="{A8837479-12D5-4C8C-97D3-F426D70C4BE4}">
      <dgm:prSet/>
      <dgm:spPr/>
      <dgm:t>
        <a:bodyPr/>
        <a:lstStyle/>
        <a:p>
          <a:pPr algn="l"/>
          <a:r>
            <a:rPr lang="ru-RU" dirty="0"/>
            <a:t>1.2.4 Сервисы сайта</a:t>
          </a:r>
        </a:p>
      </dgm:t>
    </dgm:pt>
    <dgm:pt modelId="{754D94B0-DC72-441F-89F5-7CE169D38D3B}" type="parTrans" cxnId="{EB032242-8FD9-49BF-9FC4-FC05D7EB83E8}">
      <dgm:prSet/>
      <dgm:spPr/>
      <dgm:t>
        <a:bodyPr/>
        <a:lstStyle/>
        <a:p>
          <a:endParaRPr lang="ru-RU"/>
        </a:p>
      </dgm:t>
    </dgm:pt>
    <dgm:pt modelId="{658BA97C-2082-4212-B7D3-5C2E368E59C9}" type="sibTrans" cxnId="{EB032242-8FD9-49BF-9FC4-FC05D7EB83E8}">
      <dgm:prSet/>
      <dgm:spPr/>
      <dgm:t>
        <a:bodyPr/>
        <a:lstStyle/>
        <a:p>
          <a:endParaRPr lang="ru-RU"/>
        </a:p>
      </dgm:t>
    </dgm:pt>
    <dgm:pt modelId="{F053EF90-1979-4947-A988-7321E70E79AD}">
      <dgm:prSet/>
      <dgm:spPr/>
      <dgm:t>
        <a:bodyPr/>
        <a:lstStyle/>
        <a:p>
          <a:pPr algn="l"/>
          <a:r>
            <a:rPr lang="ru-RU" dirty="0"/>
            <a:t>1.2.5 Навигация</a:t>
          </a:r>
        </a:p>
      </dgm:t>
    </dgm:pt>
    <dgm:pt modelId="{F23EA083-D993-44A0-93EF-7669907B41B8}" type="parTrans" cxnId="{68D91A7B-8575-4011-AD2B-B503EB40341F}">
      <dgm:prSet/>
      <dgm:spPr/>
      <dgm:t>
        <a:bodyPr/>
        <a:lstStyle/>
        <a:p>
          <a:endParaRPr lang="ru-RU"/>
        </a:p>
      </dgm:t>
    </dgm:pt>
    <dgm:pt modelId="{AF56B40F-A016-4DED-AD81-DFE20C3E4DA0}" type="sibTrans" cxnId="{68D91A7B-8575-4011-AD2B-B503EB40341F}">
      <dgm:prSet/>
      <dgm:spPr/>
      <dgm:t>
        <a:bodyPr/>
        <a:lstStyle/>
        <a:p>
          <a:endParaRPr lang="ru-RU"/>
        </a:p>
      </dgm:t>
    </dgm:pt>
    <dgm:pt modelId="{A95CCA19-55C7-4E5D-8871-47F97B86AE39}">
      <dgm:prSet/>
      <dgm:spPr/>
      <dgm:t>
        <a:bodyPr/>
        <a:lstStyle/>
        <a:p>
          <a:pPr algn="l"/>
          <a:r>
            <a:rPr lang="ru-RU" dirty="0"/>
            <a:t>1.2.6 Техническая реализация</a:t>
          </a:r>
        </a:p>
      </dgm:t>
    </dgm:pt>
    <dgm:pt modelId="{35ABFB6B-A6CD-4CF9-99B6-175B6B555E25}" type="parTrans" cxnId="{16F1F005-11BA-4568-88DA-7B506069AC22}">
      <dgm:prSet/>
      <dgm:spPr/>
      <dgm:t>
        <a:bodyPr/>
        <a:lstStyle/>
        <a:p>
          <a:endParaRPr lang="ru-RU"/>
        </a:p>
      </dgm:t>
    </dgm:pt>
    <dgm:pt modelId="{D4C516D4-1ED1-4A9C-A8EC-1AF30B67D4AF}" type="sibTrans" cxnId="{16F1F005-11BA-4568-88DA-7B506069AC22}">
      <dgm:prSet/>
      <dgm:spPr/>
      <dgm:t>
        <a:bodyPr/>
        <a:lstStyle/>
        <a:p>
          <a:endParaRPr lang="ru-RU"/>
        </a:p>
      </dgm:t>
    </dgm:pt>
    <dgm:pt modelId="{3445B14E-1A39-44E9-BB83-2A547F977140}">
      <dgm:prSet/>
      <dgm:spPr/>
      <dgm:t>
        <a:bodyPr/>
        <a:lstStyle/>
        <a:p>
          <a:pPr algn="l"/>
          <a:r>
            <a:rPr lang="ru-RU"/>
            <a:t>1.2.7 Дизайн сайта</a:t>
          </a:r>
        </a:p>
      </dgm:t>
    </dgm:pt>
    <dgm:pt modelId="{612D993B-DB37-42D1-8869-0E94087F260A}" type="parTrans" cxnId="{AA484D1E-5638-416C-B9B6-6013C066E315}">
      <dgm:prSet/>
      <dgm:spPr/>
      <dgm:t>
        <a:bodyPr/>
        <a:lstStyle/>
        <a:p>
          <a:endParaRPr lang="ru-RU"/>
        </a:p>
      </dgm:t>
    </dgm:pt>
    <dgm:pt modelId="{017B4B1E-B849-45A5-ABD1-A66CAED9236E}" type="sibTrans" cxnId="{AA484D1E-5638-416C-B9B6-6013C066E315}">
      <dgm:prSet/>
      <dgm:spPr/>
      <dgm:t>
        <a:bodyPr/>
        <a:lstStyle/>
        <a:p>
          <a:endParaRPr lang="ru-RU"/>
        </a:p>
      </dgm:t>
    </dgm:pt>
    <dgm:pt modelId="{E8869767-32A5-45E5-87BC-4E77D3086699}">
      <dgm:prSet phldrT="[Текст]"/>
      <dgm:spPr>
        <a:solidFill>
          <a:srgbClr val="8AB832"/>
        </a:solidFill>
      </dgm:spPr>
      <dgm:t>
        <a:bodyPr/>
        <a:lstStyle/>
        <a:p>
          <a:r>
            <a:rPr lang="ru-RU" b="1" dirty="0">
              <a:solidFill>
                <a:schemeClr val="bg1"/>
              </a:solidFill>
            </a:rPr>
            <a:t>Техническая концепция</a:t>
          </a:r>
        </a:p>
      </dgm:t>
    </dgm:pt>
    <dgm:pt modelId="{F13501F6-6860-4973-B5A7-823EFCAFC0A6}" type="parTrans" cxnId="{23349430-1835-4083-8752-3CB01159BCBF}">
      <dgm:prSet/>
      <dgm:spPr/>
      <dgm:t>
        <a:bodyPr/>
        <a:lstStyle/>
        <a:p>
          <a:endParaRPr lang="ru-RU"/>
        </a:p>
      </dgm:t>
    </dgm:pt>
    <dgm:pt modelId="{E8DD9468-90FE-4F5F-9E06-DAF72AF45087}" type="sibTrans" cxnId="{23349430-1835-4083-8752-3CB01159BCBF}">
      <dgm:prSet/>
      <dgm:spPr/>
      <dgm:t>
        <a:bodyPr/>
        <a:lstStyle/>
        <a:p>
          <a:endParaRPr lang="ru-RU"/>
        </a:p>
      </dgm:t>
    </dgm:pt>
    <dgm:pt modelId="{85612838-F612-48EC-A16E-4F4C3AE34D8B}" type="pres">
      <dgm:prSet presAssocID="{A596C446-D042-435B-A30D-42439B36E7B6}" presName="Name0" presStyleCnt="0">
        <dgm:presLayoutVars>
          <dgm:dir/>
          <dgm:animLvl val="lvl"/>
          <dgm:resizeHandles val="exact"/>
        </dgm:presLayoutVars>
      </dgm:prSet>
      <dgm:spPr/>
    </dgm:pt>
    <dgm:pt modelId="{707BD2FE-8A84-4250-B91D-24324D322C88}" type="pres">
      <dgm:prSet presAssocID="{3445B14E-1A39-44E9-BB83-2A547F977140}" presName="boxAndChildren" presStyleCnt="0"/>
      <dgm:spPr/>
    </dgm:pt>
    <dgm:pt modelId="{626BDF80-E84D-4F3B-83CD-BE3E7C2F011E}" type="pres">
      <dgm:prSet presAssocID="{3445B14E-1A39-44E9-BB83-2A547F977140}" presName="parentTextBox" presStyleLbl="node1" presStyleIdx="0" presStyleCnt="8"/>
      <dgm:spPr/>
    </dgm:pt>
    <dgm:pt modelId="{6895AA89-B4D8-49FC-8CCC-20FCF3DAD30F}" type="pres">
      <dgm:prSet presAssocID="{D4C516D4-1ED1-4A9C-A8EC-1AF30B67D4AF}" presName="sp" presStyleCnt="0"/>
      <dgm:spPr/>
    </dgm:pt>
    <dgm:pt modelId="{F4F075BD-2346-4827-B50A-6BF7932A1D85}" type="pres">
      <dgm:prSet presAssocID="{A95CCA19-55C7-4E5D-8871-47F97B86AE39}" presName="arrowAndChildren" presStyleCnt="0"/>
      <dgm:spPr/>
    </dgm:pt>
    <dgm:pt modelId="{0A9BC20E-919F-48BD-BFFE-7D47E051F7E8}" type="pres">
      <dgm:prSet presAssocID="{A95CCA19-55C7-4E5D-8871-47F97B86AE39}" presName="parentTextArrow" presStyleLbl="node1" presStyleIdx="1" presStyleCnt="8"/>
      <dgm:spPr/>
    </dgm:pt>
    <dgm:pt modelId="{1B52B50E-BF11-43C3-9C6F-AE676A6D6E94}" type="pres">
      <dgm:prSet presAssocID="{AF56B40F-A016-4DED-AD81-DFE20C3E4DA0}" presName="sp" presStyleCnt="0"/>
      <dgm:spPr/>
    </dgm:pt>
    <dgm:pt modelId="{8B497F49-D913-4EA0-AAB6-77194AC6939A}" type="pres">
      <dgm:prSet presAssocID="{F053EF90-1979-4947-A988-7321E70E79AD}" presName="arrowAndChildren" presStyleCnt="0"/>
      <dgm:spPr/>
    </dgm:pt>
    <dgm:pt modelId="{051D4E8A-0024-47D9-AA06-468CCC988743}" type="pres">
      <dgm:prSet presAssocID="{F053EF90-1979-4947-A988-7321E70E79AD}" presName="parentTextArrow" presStyleLbl="node1" presStyleIdx="2" presStyleCnt="8"/>
      <dgm:spPr/>
    </dgm:pt>
    <dgm:pt modelId="{25AB7D2D-6E83-4A31-84C9-58A23B1D62B4}" type="pres">
      <dgm:prSet presAssocID="{658BA97C-2082-4212-B7D3-5C2E368E59C9}" presName="sp" presStyleCnt="0"/>
      <dgm:spPr/>
    </dgm:pt>
    <dgm:pt modelId="{D4523A82-D9A0-4EF4-AD57-0F1F72706E56}" type="pres">
      <dgm:prSet presAssocID="{A8837479-12D5-4C8C-97D3-F426D70C4BE4}" presName="arrowAndChildren" presStyleCnt="0"/>
      <dgm:spPr/>
    </dgm:pt>
    <dgm:pt modelId="{3E29C8D9-BE30-4AF3-A65B-DEC01A792398}" type="pres">
      <dgm:prSet presAssocID="{A8837479-12D5-4C8C-97D3-F426D70C4BE4}" presName="parentTextArrow" presStyleLbl="node1" presStyleIdx="3" presStyleCnt="8"/>
      <dgm:spPr/>
    </dgm:pt>
    <dgm:pt modelId="{588F6E76-DE7C-4F9E-B843-F8EFE7FE4054}" type="pres">
      <dgm:prSet presAssocID="{B6D05505-360D-4F67-8341-13A356D19C36}" presName="sp" presStyleCnt="0"/>
      <dgm:spPr/>
    </dgm:pt>
    <dgm:pt modelId="{B073D3AD-8AB2-4FC4-9870-D523CB40BD10}" type="pres">
      <dgm:prSet presAssocID="{E64E658C-31F8-4CCD-B140-9052C4F8E387}" presName="arrowAndChildren" presStyleCnt="0"/>
      <dgm:spPr/>
    </dgm:pt>
    <dgm:pt modelId="{6D3930F9-E6B7-4F73-82EF-7F48727C7BF4}" type="pres">
      <dgm:prSet presAssocID="{E64E658C-31F8-4CCD-B140-9052C4F8E387}" presName="parentTextArrow" presStyleLbl="node1" presStyleIdx="4" presStyleCnt="8"/>
      <dgm:spPr/>
    </dgm:pt>
    <dgm:pt modelId="{084C1DA0-774E-4C64-A9FE-5D3735CC4644}" type="pres">
      <dgm:prSet presAssocID="{C495E9BD-E62A-45A4-81E3-F39E6FE9ED36}" presName="sp" presStyleCnt="0"/>
      <dgm:spPr/>
    </dgm:pt>
    <dgm:pt modelId="{C28B8A14-774F-4942-9B60-85EAD9954FC7}" type="pres">
      <dgm:prSet presAssocID="{05F6B738-7EAD-4976-B4DD-1A025EECEC3E}" presName="arrowAndChildren" presStyleCnt="0"/>
      <dgm:spPr/>
    </dgm:pt>
    <dgm:pt modelId="{306AC0F1-0D16-40D9-BD5A-66AA49921FFF}" type="pres">
      <dgm:prSet presAssocID="{05F6B738-7EAD-4976-B4DD-1A025EECEC3E}" presName="parentTextArrow" presStyleLbl="node1" presStyleIdx="5" presStyleCnt="8"/>
      <dgm:spPr/>
    </dgm:pt>
    <dgm:pt modelId="{7C23EC16-59CB-4DE0-9B85-C759676BB3B0}" type="pres">
      <dgm:prSet presAssocID="{4867D6D0-CB5F-4934-A994-A2EB99EEB5D0}" presName="sp" presStyleCnt="0"/>
      <dgm:spPr/>
    </dgm:pt>
    <dgm:pt modelId="{CDF7B485-9612-4EED-B6BB-14849D1DFA2E}" type="pres">
      <dgm:prSet presAssocID="{42B944E8-3ED9-45C8-9D0F-837DD14A2623}" presName="arrowAndChildren" presStyleCnt="0"/>
      <dgm:spPr/>
    </dgm:pt>
    <dgm:pt modelId="{96BD24E9-2802-4569-B83E-645682C35E1B}" type="pres">
      <dgm:prSet presAssocID="{42B944E8-3ED9-45C8-9D0F-837DD14A2623}" presName="parentTextArrow" presStyleLbl="node1" presStyleIdx="6" presStyleCnt="8"/>
      <dgm:spPr/>
    </dgm:pt>
    <dgm:pt modelId="{DB83A367-3309-47DB-BE56-24A881AC2C50}" type="pres">
      <dgm:prSet presAssocID="{E8DD9468-90FE-4F5F-9E06-DAF72AF45087}" presName="sp" presStyleCnt="0"/>
      <dgm:spPr/>
    </dgm:pt>
    <dgm:pt modelId="{9FA88DB6-FF61-49F8-AE49-2C8D1EE213BD}" type="pres">
      <dgm:prSet presAssocID="{E8869767-32A5-45E5-87BC-4E77D3086699}" presName="arrowAndChildren" presStyleCnt="0"/>
      <dgm:spPr/>
    </dgm:pt>
    <dgm:pt modelId="{CCA4ADEF-3CB8-4D65-AC24-C2A005FF1840}" type="pres">
      <dgm:prSet presAssocID="{E8869767-32A5-45E5-87BC-4E77D3086699}" presName="parentTextArrow" presStyleLbl="node1" presStyleIdx="7" presStyleCnt="8"/>
      <dgm:spPr/>
    </dgm:pt>
  </dgm:ptLst>
  <dgm:cxnLst>
    <dgm:cxn modelId="{16F1F005-11BA-4568-88DA-7B506069AC22}" srcId="{A596C446-D042-435B-A30D-42439B36E7B6}" destId="{A95CCA19-55C7-4E5D-8871-47F97B86AE39}" srcOrd="6" destOrd="0" parTransId="{35ABFB6B-A6CD-4CF9-99B6-175B6B555E25}" sibTransId="{D4C516D4-1ED1-4A9C-A8EC-1AF30B67D4AF}"/>
    <dgm:cxn modelId="{AA484D1E-5638-416C-B9B6-6013C066E315}" srcId="{A596C446-D042-435B-A30D-42439B36E7B6}" destId="{3445B14E-1A39-44E9-BB83-2A547F977140}" srcOrd="7" destOrd="0" parTransId="{612D993B-DB37-42D1-8869-0E94087F260A}" sibTransId="{017B4B1E-B849-45A5-ABD1-A66CAED9236E}"/>
    <dgm:cxn modelId="{BAB54529-FD3C-49A1-890F-77D1219A8541}" type="presOf" srcId="{A8837479-12D5-4C8C-97D3-F426D70C4BE4}" destId="{3E29C8D9-BE30-4AF3-A65B-DEC01A792398}" srcOrd="0" destOrd="0" presId="urn:microsoft.com/office/officeart/2005/8/layout/process4"/>
    <dgm:cxn modelId="{E328F929-E372-47B8-9CCF-E70ADED4E9B2}" srcId="{A596C446-D042-435B-A30D-42439B36E7B6}" destId="{42B944E8-3ED9-45C8-9D0F-837DD14A2623}" srcOrd="1" destOrd="0" parTransId="{A8343530-EE00-4354-941C-C325725F4656}" sibTransId="{4867D6D0-CB5F-4934-A994-A2EB99EEB5D0}"/>
    <dgm:cxn modelId="{23349430-1835-4083-8752-3CB01159BCBF}" srcId="{A596C446-D042-435B-A30D-42439B36E7B6}" destId="{E8869767-32A5-45E5-87BC-4E77D3086699}" srcOrd="0" destOrd="0" parTransId="{F13501F6-6860-4973-B5A7-823EFCAFC0A6}" sibTransId="{E8DD9468-90FE-4F5F-9E06-DAF72AF45087}"/>
    <dgm:cxn modelId="{3E0EF435-1306-469A-9BE5-9A83F071D268}" type="presOf" srcId="{F053EF90-1979-4947-A988-7321E70E79AD}" destId="{051D4E8A-0024-47D9-AA06-468CCC988743}" srcOrd="0" destOrd="0" presId="urn:microsoft.com/office/officeart/2005/8/layout/process4"/>
    <dgm:cxn modelId="{2E2C043E-425C-4D34-9B9D-38628A2ED2F5}" type="presOf" srcId="{E8869767-32A5-45E5-87BC-4E77D3086699}" destId="{CCA4ADEF-3CB8-4D65-AC24-C2A005FF1840}" srcOrd="0" destOrd="0" presId="urn:microsoft.com/office/officeart/2005/8/layout/process4"/>
    <dgm:cxn modelId="{83519341-BF99-43B4-83BA-8A9CE18F27A4}" srcId="{A596C446-D042-435B-A30D-42439B36E7B6}" destId="{05F6B738-7EAD-4976-B4DD-1A025EECEC3E}" srcOrd="2" destOrd="0" parTransId="{F94D08B8-3A67-427A-8904-EA66E0F28ACA}" sibTransId="{C495E9BD-E62A-45A4-81E3-F39E6FE9ED36}"/>
    <dgm:cxn modelId="{EB032242-8FD9-49BF-9FC4-FC05D7EB83E8}" srcId="{A596C446-D042-435B-A30D-42439B36E7B6}" destId="{A8837479-12D5-4C8C-97D3-F426D70C4BE4}" srcOrd="4" destOrd="0" parTransId="{754D94B0-DC72-441F-89F5-7CE169D38D3B}" sibTransId="{658BA97C-2082-4212-B7D3-5C2E368E59C9}"/>
    <dgm:cxn modelId="{23F30E49-1AEC-4936-8C55-136AB6DEB51D}" type="presOf" srcId="{A95CCA19-55C7-4E5D-8871-47F97B86AE39}" destId="{0A9BC20E-919F-48BD-BFFE-7D47E051F7E8}" srcOrd="0" destOrd="0" presId="urn:microsoft.com/office/officeart/2005/8/layout/process4"/>
    <dgm:cxn modelId="{68D91A7B-8575-4011-AD2B-B503EB40341F}" srcId="{A596C446-D042-435B-A30D-42439B36E7B6}" destId="{F053EF90-1979-4947-A988-7321E70E79AD}" srcOrd="5" destOrd="0" parTransId="{F23EA083-D993-44A0-93EF-7669907B41B8}" sibTransId="{AF56B40F-A016-4DED-AD81-DFE20C3E4DA0}"/>
    <dgm:cxn modelId="{E86F9D89-83B7-4F8D-822C-CAEF5F799682}" type="presOf" srcId="{E64E658C-31F8-4CCD-B140-9052C4F8E387}" destId="{6D3930F9-E6B7-4F73-82EF-7F48727C7BF4}" srcOrd="0" destOrd="0" presId="urn:microsoft.com/office/officeart/2005/8/layout/process4"/>
    <dgm:cxn modelId="{96EB5CA4-7F08-4BBF-8AD1-1D41C59FAD17}" type="presOf" srcId="{05F6B738-7EAD-4976-B4DD-1A025EECEC3E}" destId="{306AC0F1-0D16-40D9-BD5A-66AA49921FFF}" srcOrd="0" destOrd="0" presId="urn:microsoft.com/office/officeart/2005/8/layout/process4"/>
    <dgm:cxn modelId="{B6BEA4BC-B30D-4DD4-AD55-08F9514ABB3F}" type="presOf" srcId="{3445B14E-1A39-44E9-BB83-2A547F977140}" destId="{626BDF80-E84D-4F3B-83CD-BE3E7C2F011E}" srcOrd="0" destOrd="0" presId="urn:microsoft.com/office/officeart/2005/8/layout/process4"/>
    <dgm:cxn modelId="{43812AC0-15CD-40BD-BEE0-32AC0D96664C}" srcId="{A596C446-D042-435B-A30D-42439B36E7B6}" destId="{E64E658C-31F8-4CCD-B140-9052C4F8E387}" srcOrd="3" destOrd="0" parTransId="{80BC2695-228A-4B30-93A8-2889B9D6DBC4}" sibTransId="{B6D05505-360D-4F67-8341-13A356D19C36}"/>
    <dgm:cxn modelId="{1B0A19F3-7C2E-4076-8DFE-8F93B1078561}" type="presOf" srcId="{42B944E8-3ED9-45C8-9D0F-837DD14A2623}" destId="{96BD24E9-2802-4569-B83E-645682C35E1B}" srcOrd="0" destOrd="0" presId="urn:microsoft.com/office/officeart/2005/8/layout/process4"/>
    <dgm:cxn modelId="{58989CFA-68B9-4900-9426-E04E227399DD}" type="presOf" srcId="{A596C446-D042-435B-A30D-42439B36E7B6}" destId="{85612838-F612-48EC-A16E-4F4C3AE34D8B}" srcOrd="0" destOrd="0" presId="urn:microsoft.com/office/officeart/2005/8/layout/process4"/>
    <dgm:cxn modelId="{C6D292F4-76F2-4640-8B6D-91FC3C50C739}" type="presParOf" srcId="{85612838-F612-48EC-A16E-4F4C3AE34D8B}" destId="{707BD2FE-8A84-4250-B91D-24324D322C88}" srcOrd="0" destOrd="0" presId="urn:microsoft.com/office/officeart/2005/8/layout/process4"/>
    <dgm:cxn modelId="{9F44192A-FBCA-40FF-88B3-D92C19AC4D6A}" type="presParOf" srcId="{707BD2FE-8A84-4250-B91D-24324D322C88}" destId="{626BDF80-E84D-4F3B-83CD-BE3E7C2F011E}" srcOrd="0" destOrd="0" presId="urn:microsoft.com/office/officeart/2005/8/layout/process4"/>
    <dgm:cxn modelId="{E23E4EF4-57E7-4D72-9599-64623F9914DA}" type="presParOf" srcId="{85612838-F612-48EC-A16E-4F4C3AE34D8B}" destId="{6895AA89-B4D8-49FC-8CCC-20FCF3DAD30F}" srcOrd="1" destOrd="0" presId="urn:microsoft.com/office/officeart/2005/8/layout/process4"/>
    <dgm:cxn modelId="{E3F20176-3083-4CDC-AF2F-DC62CE51B852}" type="presParOf" srcId="{85612838-F612-48EC-A16E-4F4C3AE34D8B}" destId="{F4F075BD-2346-4827-B50A-6BF7932A1D85}" srcOrd="2" destOrd="0" presId="urn:microsoft.com/office/officeart/2005/8/layout/process4"/>
    <dgm:cxn modelId="{C752FC6B-DE58-4ED0-B644-63DA81036CAE}" type="presParOf" srcId="{F4F075BD-2346-4827-B50A-6BF7932A1D85}" destId="{0A9BC20E-919F-48BD-BFFE-7D47E051F7E8}" srcOrd="0" destOrd="0" presId="urn:microsoft.com/office/officeart/2005/8/layout/process4"/>
    <dgm:cxn modelId="{725C58DE-9B94-4015-9ADB-7B8A09AA0A82}" type="presParOf" srcId="{85612838-F612-48EC-A16E-4F4C3AE34D8B}" destId="{1B52B50E-BF11-43C3-9C6F-AE676A6D6E94}" srcOrd="3" destOrd="0" presId="urn:microsoft.com/office/officeart/2005/8/layout/process4"/>
    <dgm:cxn modelId="{CE274642-2C3E-4014-9787-2C01C26EBE4F}" type="presParOf" srcId="{85612838-F612-48EC-A16E-4F4C3AE34D8B}" destId="{8B497F49-D913-4EA0-AAB6-77194AC6939A}" srcOrd="4" destOrd="0" presId="urn:microsoft.com/office/officeart/2005/8/layout/process4"/>
    <dgm:cxn modelId="{147B7C8B-50AB-4CE1-B9DB-C3D2A845994D}" type="presParOf" srcId="{8B497F49-D913-4EA0-AAB6-77194AC6939A}" destId="{051D4E8A-0024-47D9-AA06-468CCC988743}" srcOrd="0" destOrd="0" presId="urn:microsoft.com/office/officeart/2005/8/layout/process4"/>
    <dgm:cxn modelId="{A475528E-BA09-4E3D-85D1-994913747A93}" type="presParOf" srcId="{85612838-F612-48EC-A16E-4F4C3AE34D8B}" destId="{25AB7D2D-6E83-4A31-84C9-58A23B1D62B4}" srcOrd="5" destOrd="0" presId="urn:microsoft.com/office/officeart/2005/8/layout/process4"/>
    <dgm:cxn modelId="{D12F4BEA-C617-45B6-B9FC-2ECF7790F6BE}" type="presParOf" srcId="{85612838-F612-48EC-A16E-4F4C3AE34D8B}" destId="{D4523A82-D9A0-4EF4-AD57-0F1F72706E56}" srcOrd="6" destOrd="0" presId="urn:microsoft.com/office/officeart/2005/8/layout/process4"/>
    <dgm:cxn modelId="{37641C3B-E8D8-40EE-ADF1-1E6AF0FED295}" type="presParOf" srcId="{D4523A82-D9A0-4EF4-AD57-0F1F72706E56}" destId="{3E29C8D9-BE30-4AF3-A65B-DEC01A792398}" srcOrd="0" destOrd="0" presId="urn:microsoft.com/office/officeart/2005/8/layout/process4"/>
    <dgm:cxn modelId="{E99F65F4-0D73-4A80-82B0-0F8A6CEA85AC}" type="presParOf" srcId="{85612838-F612-48EC-A16E-4F4C3AE34D8B}" destId="{588F6E76-DE7C-4F9E-B843-F8EFE7FE4054}" srcOrd="7" destOrd="0" presId="urn:microsoft.com/office/officeart/2005/8/layout/process4"/>
    <dgm:cxn modelId="{5EF55F20-939A-43A6-A629-1D67C14A7153}" type="presParOf" srcId="{85612838-F612-48EC-A16E-4F4C3AE34D8B}" destId="{B073D3AD-8AB2-4FC4-9870-D523CB40BD10}" srcOrd="8" destOrd="0" presId="urn:microsoft.com/office/officeart/2005/8/layout/process4"/>
    <dgm:cxn modelId="{BCF69561-F754-468F-9FD8-C1EF6E14A9B4}" type="presParOf" srcId="{B073D3AD-8AB2-4FC4-9870-D523CB40BD10}" destId="{6D3930F9-E6B7-4F73-82EF-7F48727C7BF4}" srcOrd="0" destOrd="0" presId="urn:microsoft.com/office/officeart/2005/8/layout/process4"/>
    <dgm:cxn modelId="{5BC20C9D-89A7-4803-923B-CE10862DEF8A}" type="presParOf" srcId="{85612838-F612-48EC-A16E-4F4C3AE34D8B}" destId="{084C1DA0-774E-4C64-A9FE-5D3735CC4644}" srcOrd="9" destOrd="0" presId="urn:microsoft.com/office/officeart/2005/8/layout/process4"/>
    <dgm:cxn modelId="{A3925437-05D6-4F42-8BF2-435AE1027538}" type="presParOf" srcId="{85612838-F612-48EC-A16E-4F4C3AE34D8B}" destId="{C28B8A14-774F-4942-9B60-85EAD9954FC7}" srcOrd="10" destOrd="0" presId="urn:microsoft.com/office/officeart/2005/8/layout/process4"/>
    <dgm:cxn modelId="{340987C6-BCB8-4EF6-81AF-F7112C3EAC85}" type="presParOf" srcId="{C28B8A14-774F-4942-9B60-85EAD9954FC7}" destId="{306AC0F1-0D16-40D9-BD5A-66AA49921FFF}" srcOrd="0" destOrd="0" presId="urn:microsoft.com/office/officeart/2005/8/layout/process4"/>
    <dgm:cxn modelId="{2077B591-5A03-4489-B13A-379C37596C50}" type="presParOf" srcId="{85612838-F612-48EC-A16E-4F4C3AE34D8B}" destId="{7C23EC16-59CB-4DE0-9B85-C759676BB3B0}" srcOrd="11" destOrd="0" presId="urn:microsoft.com/office/officeart/2005/8/layout/process4"/>
    <dgm:cxn modelId="{3E3E0D0F-46E7-498A-908D-29D83CF7C646}" type="presParOf" srcId="{85612838-F612-48EC-A16E-4F4C3AE34D8B}" destId="{CDF7B485-9612-4EED-B6BB-14849D1DFA2E}" srcOrd="12" destOrd="0" presId="urn:microsoft.com/office/officeart/2005/8/layout/process4"/>
    <dgm:cxn modelId="{31C2A1BE-9971-4EC3-9ADD-D2277885A680}" type="presParOf" srcId="{CDF7B485-9612-4EED-B6BB-14849D1DFA2E}" destId="{96BD24E9-2802-4569-B83E-645682C35E1B}" srcOrd="0" destOrd="0" presId="urn:microsoft.com/office/officeart/2005/8/layout/process4"/>
    <dgm:cxn modelId="{78F791A1-61FA-45E2-BDC8-00365055BD75}" type="presParOf" srcId="{85612838-F612-48EC-A16E-4F4C3AE34D8B}" destId="{DB83A367-3309-47DB-BE56-24A881AC2C50}" srcOrd="13" destOrd="0" presId="urn:microsoft.com/office/officeart/2005/8/layout/process4"/>
    <dgm:cxn modelId="{002373BB-FD95-4E99-A780-A7D90895F98F}" type="presParOf" srcId="{85612838-F612-48EC-A16E-4F4C3AE34D8B}" destId="{9FA88DB6-FF61-49F8-AE49-2C8D1EE213BD}" srcOrd="14" destOrd="0" presId="urn:microsoft.com/office/officeart/2005/8/layout/process4"/>
    <dgm:cxn modelId="{BDA095A9-DD6E-473C-8019-A94FDD7A4166}" type="presParOf" srcId="{9FA88DB6-FF61-49F8-AE49-2C8D1EE213BD}" destId="{CCA4ADEF-3CB8-4D65-AC24-C2A005FF1840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A596C446-D042-435B-A30D-42439B36E7B6}" type="doc">
      <dgm:prSet loTypeId="urn:microsoft.com/office/officeart/2005/8/layout/process4" loCatId="process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8F950F51-44D4-4325-A02A-275AC3DF4211}">
      <dgm:prSet/>
      <dgm:spPr/>
      <dgm:t>
        <a:bodyPr/>
        <a:lstStyle/>
        <a:p>
          <a:pPr algn="l"/>
          <a:r>
            <a:rPr lang="ru-RU" dirty="0"/>
            <a:t>1.3.1	Общие сведения</a:t>
          </a:r>
        </a:p>
      </dgm:t>
    </dgm:pt>
    <dgm:pt modelId="{65FCACE0-8896-4AFC-AD01-DCACFCEB05B9}" type="parTrans" cxnId="{9A85E0B9-0CEE-43C6-8A64-56C1170F0786}">
      <dgm:prSet/>
      <dgm:spPr/>
      <dgm:t>
        <a:bodyPr/>
        <a:lstStyle/>
        <a:p>
          <a:endParaRPr lang="ru-RU"/>
        </a:p>
      </dgm:t>
    </dgm:pt>
    <dgm:pt modelId="{F6FC2B66-B927-4C48-B7DE-9E83E8569B36}" type="sibTrans" cxnId="{9A85E0B9-0CEE-43C6-8A64-56C1170F0786}">
      <dgm:prSet/>
      <dgm:spPr/>
      <dgm:t>
        <a:bodyPr/>
        <a:lstStyle/>
        <a:p>
          <a:endParaRPr lang="ru-RU"/>
        </a:p>
      </dgm:t>
    </dgm:pt>
    <dgm:pt modelId="{041153BC-9B9F-46A3-B7C4-4D0B10B7B5D1}">
      <dgm:prSet/>
      <dgm:spPr/>
      <dgm:t>
        <a:bodyPr/>
        <a:lstStyle/>
        <a:p>
          <a:pPr algn="l"/>
          <a:r>
            <a:rPr lang="ru-RU" dirty="0"/>
            <a:t>1.3.2 Требования к Ресурсу</a:t>
          </a:r>
        </a:p>
      </dgm:t>
    </dgm:pt>
    <dgm:pt modelId="{17CA04BE-7463-4BC7-83CE-1514C694B6CC}" type="parTrans" cxnId="{DF2E217C-8F72-48F3-9E5C-C67CD7E8AF18}">
      <dgm:prSet/>
      <dgm:spPr/>
      <dgm:t>
        <a:bodyPr/>
        <a:lstStyle/>
        <a:p>
          <a:endParaRPr lang="ru-RU"/>
        </a:p>
      </dgm:t>
    </dgm:pt>
    <dgm:pt modelId="{A55017A9-08D2-49B8-8CD6-4335553813FE}" type="sibTrans" cxnId="{DF2E217C-8F72-48F3-9E5C-C67CD7E8AF18}">
      <dgm:prSet/>
      <dgm:spPr/>
      <dgm:t>
        <a:bodyPr/>
        <a:lstStyle/>
        <a:p>
          <a:endParaRPr lang="ru-RU"/>
        </a:p>
      </dgm:t>
    </dgm:pt>
    <dgm:pt modelId="{F563C565-5B68-40CA-A888-FF576C2A4D24}">
      <dgm:prSet/>
      <dgm:spPr/>
      <dgm:t>
        <a:bodyPr/>
        <a:lstStyle/>
        <a:p>
          <a:pPr algn="l"/>
          <a:r>
            <a:rPr lang="ru-RU" dirty="0"/>
            <a:t>1.3.3 Описания ролей на сайте и какие у кого возможности</a:t>
          </a:r>
        </a:p>
      </dgm:t>
    </dgm:pt>
    <dgm:pt modelId="{E10EEEDC-03AF-462A-9FE5-FD3EE362244F}" type="parTrans" cxnId="{CCF67709-22C8-41BD-B48D-D74388AABCC5}">
      <dgm:prSet/>
      <dgm:spPr/>
      <dgm:t>
        <a:bodyPr/>
        <a:lstStyle/>
        <a:p>
          <a:endParaRPr lang="ru-RU"/>
        </a:p>
      </dgm:t>
    </dgm:pt>
    <dgm:pt modelId="{BA5DA120-011B-4744-952F-7EBE4E2128C3}" type="sibTrans" cxnId="{CCF67709-22C8-41BD-B48D-D74388AABCC5}">
      <dgm:prSet/>
      <dgm:spPr/>
      <dgm:t>
        <a:bodyPr/>
        <a:lstStyle/>
        <a:p>
          <a:endParaRPr lang="ru-RU"/>
        </a:p>
      </dgm:t>
    </dgm:pt>
    <dgm:pt modelId="{E6DABF42-35CA-4A57-BF09-63EEBABE3AC5}">
      <dgm:prSet/>
      <dgm:spPr/>
      <dgm:t>
        <a:bodyPr/>
        <a:lstStyle/>
        <a:p>
          <a:pPr algn="l"/>
          <a:r>
            <a:rPr lang="ru-RU" dirty="0"/>
            <a:t>1.3.4 Описания сервисов</a:t>
          </a:r>
        </a:p>
      </dgm:t>
    </dgm:pt>
    <dgm:pt modelId="{14535A74-0F3E-4B74-BC82-BE541C35AA19}" type="parTrans" cxnId="{C9E52A3C-E183-41A5-BF30-431A9ADCC484}">
      <dgm:prSet/>
      <dgm:spPr/>
      <dgm:t>
        <a:bodyPr/>
        <a:lstStyle/>
        <a:p>
          <a:endParaRPr lang="ru-RU"/>
        </a:p>
      </dgm:t>
    </dgm:pt>
    <dgm:pt modelId="{7AEC26DB-F607-48BF-922B-25C9D56398B9}" type="sibTrans" cxnId="{C9E52A3C-E183-41A5-BF30-431A9ADCC484}">
      <dgm:prSet/>
      <dgm:spPr/>
      <dgm:t>
        <a:bodyPr/>
        <a:lstStyle/>
        <a:p>
          <a:endParaRPr lang="ru-RU"/>
        </a:p>
      </dgm:t>
    </dgm:pt>
    <dgm:pt modelId="{B23B863D-60B8-4835-96AA-A826A89B7C9D}">
      <dgm:prSet/>
      <dgm:spPr/>
      <dgm:t>
        <a:bodyPr/>
        <a:lstStyle/>
        <a:p>
          <a:pPr algn="l"/>
          <a:r>
            <a:rPr lang="ru-RU" dirty="0"/>
            <a:t>1.3.5 Вид и содержание страниц Ресурса</a:t>
          </a:r>
        </a:p>
      </dgm:t>
    </dgm:pt>
    <dgm:pt modelId="{BF0ECD94-0D20-4C2A-B0C0-CA51BA8C6621}" type="parTrans" cxnId="{D50AA4A9-4C09-4844-B7EF-4AEA0FA15EE9}">
      <dgm:prSet/>
      <dgm:spPr/>
      <dgm:t>
        <a:bodyPr/>
        <a:lstStyle/>
        <a:p>
          <a:endParaRPr lang="ru-RU"/>
        </a:p>
      </dgm:t>
    </dgm:pt>
    <dgm:pt modelId="{C25845F2-9B63-45B5-B58E-F719E2BCC48F}" type="sibTrans" cxnId="{D50AA4A9-4C09-4844-B7EF-4AEA0FA15EE9}">
      <dgm:prSet/>
      <dgm:spPr/>
      <dgm:t>
        <a:bodyPr/>
        <a:lstStyle/>
        <a:p>
          <a:endParaRPr lang="ru-RU"/>
        </a:p>
      </dgm:t>
    </dgm:pt>
    <dgm:pt modelId="{D3AE187F-7309-4F49-A78A-37B61FCF6DF8}">
      <dgm:prSet/>
      <dgm:spPr/>
      <dgm:t>
        <a:bodyPr/>
        <a:lstStyle/>
        <a:p>
          <a:pPr algn="l"/>
          <a:r>
            <a:rPr lang="ru-RU" dirty="0"/>
            <a:t>1.3.6 Перечень и описание версий Ресурса</a:t>
          </a:r>
        </a:p>
      </dgm:t>
    </dgm:pt>
    <dgm:pt modelId="{50AED927-BC2A-4691-B4D5-FDB1EC2D7A57}" type="parTrans" cxnId="{0FADF479-3B1E-42A1-9065-5C86D83632B1}">
      <dgm:prSet/>
      <dgm:spPr/>
      <dgm:t>
        <a:bodyPr/>
        <a:lstStyle/>
        <a:p>
          <a:endParaRPr lang="ru-RU"/>
        </a:p>
      </dgm:t>
    </dgm:pt>
    <dgm:pt modelId="{DEE71ADE-DCB7-461A-8362-FF699C8E034B}" type="sibTrans" cxnId="{0FADF479-3B1E-42A1-9065-5C86D83632B1}">
      <dgm:prSet/>
      <dgm:spPr/>
      <dgm:t>
        <a:bodyPr/>
        <a:lstStyle/>
        <a:p>
          <a:endParaRPr lang="ru-RU"/>
        </a:p>
      </dgm:t>
    </dgm:pt>
    <dgm:pt modelId="{E72BDFE8-0125-49C1-B661-0AC5F115F678}">
      <dgm:prSet/>
      <dgm:spPr/>
      <dgm:t>
        <a:bodyPr/>
        <a:lstStyle/>
        <a:p>
          <a:pPr algn="l"/>
          <a:r>
            <a:rPr lang="ru-RU" dirty="0"/>
            <a:t>1.3.7 Порядок контроля и приемки работ по созданию Ресурса</a:t>
          </a:r>
        </a:p>
      </dgm:t>
    </dgm:pt>
    <dgm:pt modelId="{18A5237B-DB0E-48E7-99A0-AF9EB508A48E}" type="parTrans" cxnId="{5B67103B-C98F-40FD-A820-89E588D03975}">
      <dgm:prSet/>
      <dgm:spPr/>
      <dgm:t>
        <a:bodyPr/>
        <a:lstStyle/>
        <a:p>
          <a:endParaRPr lang="ru-RU"/>
        </a:p>
      </dgm:t>
    </dgm:pt>
    <dgm:pt modelId="{8C655F2B-32FA-4B2A-A6A1-0A33BB24EB6F}" type="sibTrans" cxnId="{5B67103B-C98F-40FD-A820-89E588D03975}">
      <dgm:prSet/>
      <dgm:spPr/>
      <dgm:t>
        <a:bodyPr/>
        <a:lstStyle/>
        <a:p>
          <a:endParaRPr lang="ru-RU"/>
        </a:p>
      </dgm:t>
    </dgm:pt>
    <dgm:pt modelId="{038FDBF2-183F-4F84-88A0-38FFD804C493}">
      <dgm:prSet custT="1"/>
      <dgm:spPr>
        <a:solidFill>
          <a:srgbClr val="8AB832"/>
        </a:solidFill>
      </dgm:spPr>
      <dgm:t>
        <a:bodyPr/>
        <a:lstStyle/>
        <a:p>
          <a:r>
            <a:rPr lang="ru-RU" sz="900" b="1" dirty="0">
              <a:solidFill>
                <a:schemeClr val="bg1"/>
              </a:solidFill>
            </a:rPr>
            <a:t>Техническое задание</a:t>
          </a:r>
        </a:p>
      </dgm:t>
    </dgm:pt>
    <dgm:pt modelId="{BA57378B-3F04-46F7-B1D7-412A0E6E8F1B}" type="parTrans" cxnId="{3D538167-3387-401A-B31F-821F691123BD}">
      <dgm:prSet/>
      <dgm:spPr/>
      <dgm:t>
        <a:bodyPr/>
        <a:lstStyle/>
        <a:p>
          <a:endParaRPr lang="ru-RU"/>
        </a:p>
      </dgm:t>
    </dgm:pt>
    <dgm:pt modelId="{EDCD8EEB-3575-4F8D-BF0C-9BC805ED86F5}" type="sibTrans" cxnId="{3D538167-3387-401A-B31F-821F691123BD}">
      <dgm:prSet/>
      <dgm:spPr/>
      <dgm:t>
        <a:bodyPr/>
        <a:lstStyle/>
        <a:p>
          <a:endParaRPr lang="ru-RU"/>
        </a:p>
      </dgm:t>
    </dgm:pt>
    <dgm:pt modelId="{85612838-F612-48EC-A16E-4F4C3AE34D8B}" type="pres">
      <dgm:prSet presAssocID="{A596C446-D042-435B-A30D-42439B36E7B6}" presName="Name0" presStyleCnt="0">
        <dgm:presLayoutVars>
          <dgm:dir/>
          <dgm:animLvl val="lvl"/>
          <dgm:resizeHandles val="exact"/>
        </dgm:presLayoutVars>
      </dgm:prSet>
      <dgm:spPr/>
    </dgm:pt>
    <dgm:pt modelId="{60C91DE9-28A8-4A31-A201-B9BE360AABF5}" type="pres">
      <dgm:prSet presAssocID="{E72BDFE8-0125-49C1-B661-0AC5F115F678}" presName="boxAndChildren" presStyleCnt="0"/>
      <dgm:spPr/>
    </dgm:pt>
    <dgm:pt modelId="{89F4AE43-CAAB-43CC-89A5-581DA36468EE}" type="pres">
      <dgm:prSet presAssocID="{E72BDFE8-0125-49C1-B661-0AC5F115F678}" presName="parentTextBox" presStyleLbl="node1" presStyleIdx="0" presStyleCnt="8"/>
      <dgm:spPr/>
    </dgm:pt>
    <dgm:pt modelId="{FCA21477-704A-4EEB-B527-62523BDA6F60}" type="pres">
      <dgm:prSet presAssocID="{DEE71ADE-DCB7-461A-8362-FF699C8E034B}" presName="sp" presStyleCnt="0"/>
      <dgm:spPr/>
    </dgm:pt>
    <dgm:pt modelId="{F18EE1E4-AC53-4CD9-8A0A-64410ED24CE5}" type="pres">
      <dgm:prSet presAssocID="{D3AE187F-7309-4F49-A78A-37B61FCF6DF8}" presName="arrowAndChildren" presStyleCnt="0"/>
      <dgm:spPr/>
    </dgm:pt>
    <dgm:pt modelId="{9C27A2E5-9D39-4DE9-9236-737C9C393715}" type="pres">
      <dgm:prSet presAssocID="{D3AE187F-7309-4F49-A78A-37B61FCF6DF8}" presName="parentTextArrow" presStyleLbl="node1" presStyleIdx="1" presStyleCnt="8"/>
      <dgm:spPr/>
    </dgm:pt>
    <dgm:pt modelId="{D8DE9F1E-2E68-471C-B8AC-13F7836D90D8}" type="pres">
      <dgm:prSet presAssocID="{C25845F2-9B63-45B5-B58E-F719E2BCC48F}" presName="sp" presStyleCnt="0"/>
      <dgm:spPr/>
    </dgm:pt>
    <dgm:pt modelId="{6E1FC5DB-2F57-47EA-B85C-AAB6E480E0D9}" type="pres">
      <dgm:prSet presAssocID="{B23B863D-60B8-4835-96AA-A826A89B7C9D}" presName="arrowAndChildren" presStyleCnt="0"/>
      <dgm:spPr/>
    </dgm:pt>
    <dgm:pt modelId="{FBD26201-9733-4706-99A8-7D7FB1CD108C}" type="pres">
      <dgm:prSet presAssocID="{B23B863D-60B8-4835-96AA-A826A89B7C9D}" presName="parentTextArrow" presStyleLbl="node1" presStyleIdx="2" presStyleCnt="8"/>
      <dgm:spPr/>
    </dgm:pt>
    <dgm:pt modelId="{C633053E-61D6-4BCF-A6FC-5063BF895594}" type="pres">
      <dgm:prSet presAssocID="{7AEC26DB-F607-48BF-922B-25C9D56398B9}" presName="sp" presStyleCnt="0"/>
      <dgm:spPr/>
    </dgm:pt>
    <dgm:pt modelId="{F6E356EE-CB40-4806-B007-293F3C77E792}" type="pres">
      <dgm:prSet presAssocID="{E6DABF42-35CA-4A57-BF09-63EEBABE3AC5}" presName="arrowAndChildren" presStyleCnt="0"/>
      <dgm:spPr/>
    </dgm:pt>
    <dgm:pt modelId="{49B5CD3F-9231-4AA0-9D6A-4302188E02AB}" type="pres">
      <dgm:prSet presAssocID="{E6DABF42-35CA-4A57-BF09-63EEBABE3AC5}" presName="parentTextArrow" presStyleLbl="node1" presStyleIdx="3" presStyleCnt="8"/>
      <dgm:spPr/>
    </dgm:pt>
    <dgm:pt modelId="{C752568C-07B3-4A4B-9F1E-A9EB2E45923F}" type="pres">
      <dgm:prSet presAssocID="{BA5DA120-011B-4744-952F-7EBE4E2128C3}" presName="sp" presStyleCnt="0"/>
      <dgm:spPr/>
    </dgm:pt>
    <dgm:pt modelId="{AD5F20EA-A4E8-4900-93A2-FB212B8DFD52}" type="pres">
      <dgm:prSet presAssocID="{F563C565-5B68-40CA-A888-FF576C2A4D24}" presName="arrowAndChildren" presStyleCnt="0"/>
      <dgm:spPr/>
    </dgm:pt>
    <dgm:pt modelId="{2E56E58B-C0C4-4778-8BFA-BA3316C4FA08}" type="pres">
      <dgm:prSet presAssocID="{F563C565-5B68-40CA-A888-FF576C2A4D24}" presName="parentTextArrow" presStyleLbl="node1" presStyleIdx="4" presStyleCnt="8"/>
      <dgm:spPr/>
    </dgm:pt>
    <dgm:pt modelId="{FBFD5FF1-8AC3-4417-B457-014674EAD444}" type="pres">
      <dgm:prSet presAssocID="{A55017A9-08D2-49B8-8CD6-4335553813FE}" presName="sp" presStyleCnt="0"/>
      <dgm:spPr/>
    </dgm:pt>
    <dgm:pt modelId="{0735B433-13DD-4A19-909B-58FEC0E5B869}" type="pres">
      <dgm:prSet presAssocID="{041153BC-9B9F-46A3-B7C4-4D0B10B7B5D1}" presName="arrowAndChildren" presStyleCnt="0"/>
      <dgm:spPr/>
    </dgm:pt>
    <dgm:pt modelId="{C66E1284-9C88-4702-91DB-7807B5A2F172}" type="pres">
      <dgm:prSet presAssocID="{041153BC-9B9F-46A3-B7C4-4D0B10B7B5D1}" presName="parentTextArrow" presStyleLbl="node1" presStyleIdx="5" presStyleCnt="8"/>
      <dgm:spPr/>
    </dgm:pt>
    <dgm:pt modelId="{55921772-3B65-4C84-A27D-B8CC50882096}" type="pres">
      <dgm:prSet presAssocID="{F6FC2B66-B927-4C48-B7DE-9E83E8569B36}" presName="sp" presStyleCnt="0"/>
      <dgm:spPr/>
    </dgm:pt>
    <dgm:pt modelId="{B857A252-5ABB-45E4-8CDB-9ACDC0D8B63D}" type="pres">
      <dgm:prSet presAssocID="{8F950F51-44D4-4325-A02A-275AC3DF4211}" presName="arrowAndChildren" presStyleCnt="0"/>
      <dgm:spPr/>
    </dgm:pt>
    <dgm:pt modelId="{E688A76E-30F7-4115-AF8B-6E9E2DD656E0}" type="pres">
      <dgm:prSet presAssocID="{8F950F51-44D4-4325-A02A-275AC3DF4211}" presName="parentTextArrow" presStyleLbl="node1" presStyleIdx="6" presStyleCnt="8"/>
      <dgm:spPr/>
    </dgm:pt>
    <dgm:pt modelId="{3340B5F6-F3F9-449D-9321-3B97A97CF6A7}" type="pres">
      <dgm:prSet presAssocID="{EDCD8EEB-3575-4F8D-BF0C-9BC805ED86F5}" presName="sp" presStyleCnt="0"/>
      <dgm:spPr/>
    </dgm:pt>
    <dgm:pt modelId="{305BB982-AD21-4F55-95D9-78FFC9E191A8}" type="pres">
      <dgm:prSet presAssocID="{038FDBF2-183F-4F84-88A0-38FFD804C493}" presName="arrowAndChildren" presStyleCnt="0"/>
      <dgm:spPr/>
    </dgm:pt>
    <dgm:pt modelId="{8A97E5BA-CE42-43ED-B775-69C3949636F6}" type="pres">
      <dgm:prSet presAssocID="{038FDBF2-183F-4F84-88A0-38FFD804C493}" presName="parentTextArrow" presStyleLbl="node1" presStyleIdx="7" presStyleCnt="8"/>
      <dgm:spPr/>
    </dgm:pt>
  </dgm:ptLst>
  <dgm:cxnLst>
    <dgm:cxn modelId="{CCF67709-22C8-41BD-B48D-D74388AABCC5}" srcId="{A596C446-D042-435B-A30D-42439B36E7B6}" destId="{F563C565-5B68-40CA-A888-FF576C2A4D24}" srcOrd="3" destOrd="0" parTransId="{E10EEEDC-03AF-462A-9FE5-FD3EE362244F}" sibTransId="{BA5DA120-011B-4744-952F-7EBE4E2128C3}"/>
    <dgm:cxn modelId="{BB969D31-6F2F-47D9-9D5E-7757E9B6AD75}" type="presOf" srcId="{041153BC-9B9F-46A3-B7C4-4D0B10B7B5D1}" destId="{C66E1284-9C88-4702-91DB-7807B5A2F172}" srcOrd="0" destOrd="0" presId="urn:microsoft.com/office/officeart/2005/8/layout/process4"/>
    <dgm:cxn modelId="{5B67103B-C98F-40FD-A820-89E588D03975}" srcId="{A596C446-D042-435B-A30D-42439B36E7B6}" destId="{E72BDFE8-0125-49C1-B661-0AC5F115F678}" srcOrd="7" destOrd="0" parTransId="{18A5237B-DB0E-48E7-99A0-AF9EB508A48E}" sibTransId="{8C655F2B-32FA-4B2A-A6A1-0A33BB24EB6F}"/>
    <dgm:cxn modelId="{C9E52A3C-E183-41A5-BF30-431A9ADCC484}" srcId="{A596C446-D042-435B-A30D-42439B36E7B6}" destId="{E6DABF42-35CA-4A57-BF09-63EEBABE3AC5}" srcOrd="4" destOrd="0" parTransId="{14535A74-0F3E-4B74-BC82-BE541C35AA19}" sibTransId="{7AEC26DB-F607-48BF-922B-25C9D56398B9}"/>
    <dgm:cxn modelId="{88763A5F-C9A3-4A30-8253-3CDB8506AF94}" type="presOf" srcId="{E6DABF42-35CA-4A57-BF09-63EEBABE3AC5}" destId="{49B5CD3F-9231-4AA0-9D6A-4302188E02AB}" srcOrd="0" destOrd="0" presId="urn:microsoft.com/office/officeart/2005/8/layout/process4"/>
    <dgm:cxn modelId="{3D538167-3387-401A-B31F-821F691123BD}" srcId="{A596C446-D042-435B-A30D-42439B36E7B6}" destId="{038FDBF2-183F-4F84-88A0-38FFD804C493}" srcOrd="0" destOrd="0" parTransId="{BA57378B-3F04-46F7-B1D7-412A0E6E8F1B}" sibTransId="{EDCD8EEB-3575-4F8D-BF0C-9BC805ED86F5}"/>
    <dgm:cxn modelId="{C6EB0C48-BE40-421B-8187-CF4053F9D81F}" type="presOf" srcId="{B23B863D-60B8-4835-96AA-A826A89B7C9D}" destId="{FBD26201-9733-4706-99A8-7D7FB1CD108C}" srcOrd="0" destOrd="0" presId="urn:microsoft.com/office/officeart/2005/8/layout/process4"/>
    <dgm:cxn modelId="{E63B8E6F-FBE7-4421-968A-52D4F8076913}" type="presOf" srcId="{8F950F51-44D4-4325-A02A-275AC3DF4211}" destId="{E688A76E-30F7-4115-AF8B-6E9E2DD656E0}" srcOrd="0" destOrd="0" presId="urn:microsoft.com/office/officeart/2005/8/layout/process4"/>
    <dgm:cxn modelId="{0FADF479-3B1E-42A1-9065-5C86D83632B1}" srcId="{A596C446-D042-435B-A30D-42439B36E7B6}" destId="{D3AE187F-7309-4F49-A78A-37B61FCF6DF8}" srcOrd="6" destOrd="0" parTransId="{50AED927-BC2A-4691-B4D5-FDB1EC2D7A57}" sibTransId="{DEE71ADE-DCB7-461A-8362-FF699C8E034B}"/>
    <dgm:cxn modelId="{DF2E217C-8F72-48F3-9E5C-C67CD7E8AF18}" srcId="{A596C446-D042-435B-A30D-42439B36E7B6}" destId="{041153BC-9B9F-46A3-B7C4-4D0B10B7B5D1}" srcOrd="2" destOrd="0" parTransId="{17CA04BE-7463-4BC7-83CE-1514C694B6CC}" sibTransId="{A55017A9-08D2-49B8-8CD6-4335553813FE}"/>
    <dgm:cxn modelId="{ABD7789D-EC41-4E81-A03D-73A255E193B9}" type="presOf" srcId="{038FDBF2-183F-4F84-88A0-38FFD804C493}" destId="{8A97E5BA-CE42-43ED-B775-69C3949636F6}" srcOrd="0" destOrd="0" presId="urn:microsoft.com/office/officeart/2005/8/layout/process4"/>
    <dgm:cxn modelId="{D50AA4A9-4C09-4844-B7EF-4AEA0FA15EE9}" srcId="{A596C446-D042-435B-A30D-42439B36E7B6}" destId="{B23B863D-60B8-4835-96AA-A826A89B7C9D}" srcOrd="5" destOrd="0" parTransId="{BF0ECD94-0D20-4C2A-B0C0-CA51BA8C6621}" sibTransId="{C25845F2-9B63-45B5-B58E-F719E2BCC48F}"/>
    <dgm:cxn modelId="{9A85E0B9-0CEE-43C6-8A64-56C1170F0786}" srcId="{A596C446-D042-435B-A30D-42439B36E7B6}" destId="{8F950F51-44D4-4325-A02A-275AC3DF4211}" srcOrd="1" destOrd="0" parTransId="{65FCACE0-8896-4AFC-AD01-DCACFCEB05B9}" sibTransId="{F6FC2B66-B927-4C48-B7DE-9E83E8569B36}"/>
    <dgm:cxn modelId="{93B207CE-C6A8-4EA5-B616-3FBBAD0E65E6}" type="presOf" srcId="{F563C565-5B68-40CA-A888-FF576C2A4D24}" destId="{2E56E58B-C0C4-4778-8BFA-BA3316C4FA08}" srcOrd="0" destOrd="0" presId="urn:microsoft.com/office/officeart/2005/8/layout/process4"/>
    <dgm:cxn modelId="{BB04BAE6-3E16-4804-81B7-D38327307F40}" type="presOf" srcId="{E72BDFE8-0125-49C1-B661-0AC5F115F678}" destId="{89F4AE43-CAAB-43CC-89A5-581DA36468EE}" srcOrd="0" destOrd="0" presId="urn:microsoft.com/office/officeart/2005/8/layout/process4"/>
    <dgm:cxn modelId="{6576BFF6-78EC-41DD-8581-F8BCEDAAB249}" type="presOf" srcId="{D3AE187F-7309-4F49-A78A-37B61FCF6DF8}" destId="{9C27A2E5-9D39-4DE9-9236-737C9C393715}" srcOrd="0" destOrd="0" presId="urn:microsoft.com/office/officeart/2005/8/layout/process4"/>
    <dgm:cxn modelId="{58989CFA-68B9-4900-9426-E04E227399DD}" type="presOf" srcId="{A596C446-D042-435B-A30D-42439B36E7B6}" destId="{85612838-F612-48EC-A16E-4F4C3AE34D8B}" srcOrd="0" destOrd="0" presId="urn:microsoft.com/office/officeart/2005/8/layout/process4"/>
    <dgm:cxn modelId="{86121BA7-2393-497D-9BE8-9FE55266BA8B}" type="presParOf" srcId="{85612838-F612-48EC-A16E-4F4C3AE34D8B}" destId="{60C91DE9-28A8-4A31-A201-B9BE360AABF5}" srcOrd="0" destOrd="0" presId="urn:microsoft.com/office/officeart/2005/8/layout/process4"/>
    <dgm:cxn modelId="{711DA434-FB7E-457C-BDFB-1E01BC612DC5}" type="presParOf" srcId="{60C91DE9-28A8-4A31-A201-B9BE360AABF5}" destId="{89F4AE43-CAAB-43CC-89A5-581DA36468EE}" srcOrd="0" destOrd="0" presId="urn:microsoft.com/office/officeart/2005/8/layout/process4"/>
    <dgm:cxn modelId="{BB84E292-3715-4EF9-854B-4E6AE10D2A4D}" type="presParOf" srcId="{85612838-F612-48EC-A16E-4F4C3AE34D8B}" destId="{FCA21477-704A-4EEB-B527-62523BDA6F60}" srcOrd="1" destOrd="0" presId="urn:microsoft.com/office/officeart/2005/8/layout/process4"/>
    <dgm:cxn modelId="{2919779E-40A2-454A-868E-FCA191AD67E3}" type="presParOf" srcId="{85612838-F612-48EC-A16E-4F4C3AE34D8B}" destId="{F18EE1E4-AC53-4CD9-8A0A-64410ED24CE5}" srcOrd="2" destOrd="0" presId="urn:microsoft.com/office/officeart/2005/8/layout/process4"/>
    <dgm:cxn modelId="{5585E4AE-38A8-4499-9C76-13A8464F415E}" type="presParOf" srcId="{F18EE1E4-AC53-4CD9-8A0A-64410ED24CE5}" destId="{9C27A2E5-9D39-4DE9-9236-737C9C393715}" srcOrd="0" destOrd="0" presId="urn:microsoft.com/office/officeart/2005/8/layout/process4"/>
    <dgm:cxn modelId="{0B9E6737-F7C3-4A4A-8BF6-531F09142C70}" type="presParOf" srcId="{85612838-F612-48EC-A16E-4F4C3AE34D8B}" destId="{D8DE9F1E-2E68-471C-B8AC-13F7836D90D8}" srcOrd="3" destOrd="0" presId="urn:microsoft.com/office/officeart/2005/8/layout/process4"/>
    <dgm:cxn modelId="{7626B937-1A6A-4864-8401-A3E7919C03B7}" type="presParOf" srcId="{85612838-F612-48EC-A16E-4F4C3AE34D8B}" destId="{6E1FC5DB-2F57-47EA-B85C-AAB6E480E0D9}" srcOrd="4" destOrd="0" presId="urn:microsoft.com/office/officeart/2005/8/layout/process4"/>
    <dgm:cxn modelId="{ECF1B153-2FB2-4AD2-9F12-D8CA985431C7}" type="presParOf" srcId="{6E1FC5DB-2F57-47EA-B85C-AAB6E480E0D9}" destId="{FBD26201-9733-4706-99A8-7D7FB1CD108C}" srcOrd="0" destOrd="0" presId="urn:microsoft.com/office/officeart/2005/8/layout/process4"/>
    <dgm:cxn modelId="{6F6759DB-F04C-4065-B33B-9D80B134B120}" type="presParOf" srcId="{85612838-F612-48EC-A16E-4F4C3AE34D8B}" destId="{C633053E-61D6-4BCF-A6FC-5063BF895594}" srcOrd="5" destOrd="0" presId="urn:microsoft.com/office/officeart/2005/8/layout/process4"/>
    <dgm:cxn modelId="{5B91D8AD-3725-4720-B3B4-367EFF51C931}" type="presParOf" srcId="{85612838-F612-48EC-A16E-4F4C3AE34D8B}" destId="{F6E356EE-CB40-4806-B007-293F3C77E792}" srcOrd="6" destOrd="0" presId="urn:microsoft.com/office/officeart/2005/8/layout/process4"/>
    <dgm:cxn modelId="{83AF53D9-7A52-48E0-BC68-96994A9AF639}" type="presParOf" srcId="{F6E356EE-CB40-4806-B007-293F3C77E792}" destId="{49B5CD3F-9231-4AA0-9D6A-4302188E02AB}" srcOrd="0" destOrd="0" presId="urn:microsoft.com/office/officeart/2005/8/layout/process4"/>
    <dgm:cxn modelId="{5B6C1BD4-9D44-416D-AE8D-6B9FE7E98402}" type="presParOf" srcId="{85612838-F612-48EC-A16E-4F4C3AE34D8B}" destId="{C752568C-07B3-4A4B-9F1E-A9EB2E45923F}" srcOrd="7" destOrd="0" presId="urn:microsoft.com/office/officeart/2005/8/layout/process4"/>
    <dgm:cxn modelId="{A9F3C57E-C3F0-486F-9EFC-D10E5E4AFA4A}" type="presParOf" srcId="{85612838-F612-48EC-A16E-4F4C3AE34D8B}" destId="{AD5F20EA-A4E8-4900-93A2-FB212B8DFD52}" srcOrd="8" destOrd="0" presId="urn:microsoft.com/office/officeart/2005/8/layout/process4"/>
    <dgm:cxn modelId="{851FBBEB-1EFC-43BB-9EDF-B522C644C314}" type="presParOf" srcId="{AD5F20EA-A4E8-4900-93A2-FB212B8DFD52}" destId="{2E56E58B-C0C4-4778-8BFA-BA3316C4FA08}" srcOrd="0" destOrd="0" presId="urn:microsoft.com/office/officeart/2005/8/layout/process4"/>
    <dgm:cxn modelId="{2F4D3A24-D3EB-4492-B198-2AAAF6785C33}" type="presParOf" srcId="{85612838-F612-48EC-A16E-4F4C3AE34D8B}" destId="{FBFD5FF1-8AC3-4417-B457-014674EAD444}" srcOrd="9" destOrd="0" presId="urn:microsoft.com/office/officeart/2005/8/layout/process4"/>
    <dgm:cxn modelId="{DA773A8F-A6EC-4502-B28F-5EB75141BC26}" type="presParOf" srcId="{85612838-F612-48EC-A16E-4F4C3AE34D8B}" destId="{0735B433-13DD-4A19-909B-58FEC0E5B869}" srcOrd="10" destOrd="0" presId="urn:microsoft.com/office/officeart/2005/8/layout/process4"/>
    <dgm:cxn modelId="{CBB4D1FF-88DA-4413-88C8-77943E9F8A5F}" type="presParOf" srcId="{0735B433-13DD-4A19-909B-58FEC0E5B869}" destId="{C66E1284-9C88-4702-91DB-7807B5A2F172}" srcOrd="0" destOrd="0" presId="urn:microsoft.com/office/officeart/2005/8/layout/process4"/>
    <dgm:cxn modelId="{6BB3125E-A7A7-4FA4-B0A1-84CE0302A9D0}" type="presParOf" srcId="{85612838-F612-48EC-A16E-4F4C3AE34D8B}" destId="{55921772-3B65-4C84-A27D-B8CC50882096}" srcOrd="11" destOrd="0" presId="urn:microsoft.com/office/officeart/2005/8/layout/process4"/>
    <dgm:cxn modelId="{BACC6BC4-DB02-4F90-B602-8029A7781E5C}" type="presParOf" srcId="{85612838-F612-48EC-A16E-4F4C3AE34D8B}" destId="{B857A252-5ABB-45E4-8CDB-9ACDC0D8B63D}" srcOrd="12" destOrd="0" presId="urn:microsoft.com/office/officeart/2005/8/layout/process4"/>
    <dgm:cxn modelId="{763BF34A-C8A4-42DF-A595-831AC07BC285}" type="presParOf" srcId="{B857A252-5ABB-45E4-8CDB-9ACDC0D8B63D}" destId="{E688A76E-30F7-4115-AF8B-6E9E2DD656E0}" srcOrd="0" destOrd="0" presId="urn:microsoft.com/office/officeart/2005/8/layout/process4"/>
    <dgm:cxn modelId="{E2AC4D5D-CF69-418F-A5F4-4BCE81414FCC}" type="presParOf" srcId="{85612838-F612-48EC-A16E-4F4C3AE34D8B}" destId="{3340B5F6-F3F9-449D-9321-3B97A97CF6A7}" srcOrd="13" destOrd="0" presId="urn:microsoft.com/office/officeart/2005/8/layout/process4"/>
    <dgm:cxn modelId="{A6841B6F-BFA2-4790-BAC2-799A1E38A5EC}" type="presParOf" srcId="{85612838-F612-48EC-A16E-4F4C3AE34D8B}" destId="{305BB982-AD21-4F55-95D9-78FFC9E191A8}" srcOrd="14" destOrd="0" presId="urn:microsoft.com/office/officeart/2005/8/layout/process4"/>
    <dgm:cxn modelId="{2CD3F06F-F60D-410E-8528-6EA33D52DC50}" type="presParOf" srcId="{305BB982-AD21-4F55-95D9-78FFC9E191A8}" destId="{8A97E5BA-CE42-43ED-B775-69C3949636F6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12" minVer="http://schemas.openxmlformats.org/drawingml/2006/diagram"/>
    </a:ext>
  </dgm:extLst>
</dgm:dataModel>
</file>

<file path=ppt/diagrams/data6.xml><?xml version="1.0" encoding="utf-8"?>
<dgm:dataModel xmlns:dgm="http://schemas.openxmlformats.org/drawingml/2006/diagram" xmlns:a="http://schemas.openxmlformats.org/drawingml/2006/main">
  <dgm:ptLst>
    <dgm:pt modelId="{D2D72098-2751-4054-B46F-A791296674B4}" type="doc">
      <dgm:prSet loTypeId="urn:microsoft.com/office/officeart/2008/layout/VerticalCurved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8DC90133-2C51-4748-8C36-AD2EC34A2C23}">
      <dgm:prSet phldrT="[Текст]"/>
      <dgm:spPr/>
      <dgm:t>
        <a:bodyPr/>
        <a:lstStyle/>
        <a:p>
          <a:r>
            <a:rPr lang="ru-RU" dirty="0"/>
            <a:t>Бизнес-процесс №1. Проведение аттестации сотрудника банка </a:t>
          </a:r>
        </a:p>
      </dgm:t>
    </dgm:pt>
    <dgm:pt modelId="{D6293D7C-E28C-4919-AE67-1593451BABB6}" type="parTrans" cxnId="{CCABCF38-1EF5-4A58-A2FC-075BB03928BE}">
      <dgm:prSet/>
      <dgm:spPr/>
      <dgm:t>
        <a:bodyPr/>
        <a:lstStyle/>
        <a:p>
          <a:endParaRPr lang="ru-RU"/>
        </a:p>
      </dgm:t>
    </dgm:pt>
    <dgm:pt modelId="{41694464-DA53-4B52-8850-75E762BF23BF}" type="sibTrans" cxnId="{CCABCF38-1EF5-4A58-A2FC-075BB03928BE}">
      <dgm:prSet/>
      <dgm:spPr/>
      <dgm:t>
        <a:bodyPr/>
        <a:lstStyle/>
        <a:p>
          <a:endParaRPr lang="ru-RU"/>
        </a:p>
      </dgm:t>
    </dgm:pt>
    <dgm:pt modelId="{5493EACB-9496-41A5-9318-238D637B21BC}">
      <dgm:prSet phldrT="[Текст]"/>
      <dgm:spPr/>
      <dgm:t>
        <a:bodyPr/>
        <a:lstStyle/>
        <a:p>
          <a:r>
            <a:rPr lang="ru-RU" dirty="0"/>
            <a:t>Бизнес-процесс №2. Оценка профессиональной пригодности нового сотрудника</a:t>
          </a:r>
        </a:p>
      </dgm:t>
    </dgm:pt>
    <dgm:pt modelId="{2595C35D-F0C7-42B3-A2FF-C9C78AFE7ECB}" type="parTrans" cxnId="{06AC941C-EC49-41FE-A10B-2CB4EA16C9C1}">
      <dgm:prSet/>
      <dgm:spPr/>
      <dgm:t>
        <a:bodyPr/>
        <a:lstStyle/>
        <a:p>
          <a:endParaRPr lang="ru-RU"/>
        </a:p>
      </dgm:t>
    </dgm:pt>
    <dgm:pt modelId="{67AABF33-588F-41E8-9616-752B24FC129C}" type="sibTrans" cxnId="{06AC941C-EC49-41FE-A10B-2CB4EA16C9C1}">
      <dgm:prSet/>
      <dgm:spPr/>
      <dgm:t>
        <a:bodyPr/>
        <a:lstStyle/>
        <a:p>
          <a:endParaRPr lang="ru-RU"/>
        </a:p>
      </dgm:t>
    </dgm:pt>
    <dgm:pt modelId="{C72FEB0E-E5F7-48A1-9700-DB9E808769B5}">
      <dgm:prSet phldrT="[Текст]"/>
      <dgm:spPr/>
      <dgm:t>
        <a:bodyPr/>
        <a:lstStyle/>
        <a:p>
          <a:r>
            <a:rPr lang="ru-RU"/>
            <a:t>Бизнес-процесс №3. Обучение сотрудника банка</a:t>
          </a:r>
          <a:endParaRPr lang="ru-RU" dirty="0"/>
        </a:p>
      </dgm:t>
    </dgm:pt>
    <dgm:pt modelId="{37E4913F-0D24-4FFF-8CE7-1391029B4EF1}" type="parTrans" cxnId="{A9EB6C2D-657C-4430-B6F6-B204F25DDAAA}">
      <dgm:prSet/>
      <dgm:spPr/>
      <dgm:t>
        <a:bodyPr/>
        <a:lstStyle/>
        <a:p>
          <a:endParaRPr lang="ru-RU"/>
        </a:p>
      </dgm:t>
    </dgm:pt>
    <dgm:pt modelId="{C7CA4A0B-DC99-4909-8B15-E6234A748D42}" type="sibTrans" cxnId="{A9EB6C2D-657C-4430-B6F6-B204F25DDAAA}">
      <dgm:prSet/>
      <dgm:spPr/>
      <dgm:t>
        <a:bodyPr/>
        <a:lstStyle/>
        <a:p>
          <a:endParaRPr lang="ru-RU"/>
        </a:p>
      </dgm:t>
    </dgm:pt>
    <dgm:pt modelId="{8FC9B9DD-3936-4171-AFD3-309AE42A7243}">
      <dgm:prSet phldrT="[Текст]"/>
      <dgm:spPr/>
      <dgm:t>
        <a:bodyPr/>
        <a:lstStyle/>
        <a:p>
          <a:r>
            <a:rPr lang="ru-RU" dirty="0"/>
            <a:t>Бизнес-процесс №4. Организация коммуникации/обратной связи пользователей с сотрудниками </a:t>
          </a:r>
          <a:r>
            <a:rPr lang="en-US" dirty="0"/>
            <a:t>HR </a:t>
          </a:r>
          <a:r>
            <a:rPr lang="ru-RU" dirty="0"/>
            <a:t>отдела</a:t>
          </a:r>
        </a:p>
      </dgm:t>
    </dgm:pt>
    <dgm:pt modelId="{29F735F2-6F2E-4667-AB60-10CBA65F5C3D}" type="parTrans" cxnId="{88097F21-930A-47A4-BC36-AF42FEAB7784}">
      <dgm:prSet/>
      <dgm:spPr/>
      <dgm:t>
        <a:bodyPr/>
        <a:lstStyle/>
        <a:p>
          <a:endParaRPr lang="ru-RU"/>
        </a:p>
      </dgm:t>
    </dgm:pt>
    <dgm:pt modelId="{3D5375C3-B104-413F-9897-F318D8F75FFC}" type="sibTrans" cxnId="{88097F21-930A-47A4-BC36-AF42FEAB7784}">
      <dgm:prSet/>
      <dgm:spPr/>
      <dgm:t>
        <a:bodyPr/>
        <a:lstStyle/>
        <a:p>
          <a:endParaRPr lang="ru-RU"/>
        </a:p>
      </dgm:t>
    </dgm:pt>
    <dgm:pt modelId="{FDC425D4-B704-4707-AB59-CE0871EBBDD0}" type="pres">
      <dgm:prSet presAssocID="{D2D72098-2751-4054-B46F-A791296674B4}" presName="Name0" presStyleCnt="0">
        <dgm:presLayoutVars>
          <dgm:chMax val="7"/>
          <dgm:chPref val="7"/>
          <dgm:dir/>
        </dgm:presLayoutVars>
      </dgm:prSet>
      <dgm:spPr/>
    </dgm:pt>
    <dgm:pt modelId="{644D8079-8B27-4887-823E-25F6F15AEDB9}" type="pres">
      <dgm:prSet presAssocID="{D2D72098-2751-4054-B46F-A791296674B4}" presName="Name1" presStyleCnt="0"/>
      <dgm:spPr/>
    </dgm:pt>
    <dgm:pt modelId="{09CF423A-21CD-495B-82AA-A50DF373180C}" type="pres">
      <dgm:prSet presAssocID="{D2D72098-2751-4054-B46F-A791296674B4}" presName="cycle" presStyleCnt="0"/>
      <dgm:spPr/>
    </dgm:pt>
    <dgm:pt modelId="{281054A5-D445-4370-84E2-0E6727BF0570}" type="pres">
      <dgm:prSet presAssocID="{D2D72098-2751-4054-B46F-A791296674B4}" presName="srcNode" presStyleLbl="node1" presStyleIdx="0" presStyleCnt="4"/>
      <dgm:spPr/>
    </dgm:pt>
    <dgm:pt modelId="{425207FF-09E6-4930-95D9-A1E46B0C2BC4}" type="pres">
      <dgm:prSet presAssocID="{D2D72098-2751-4054-B46F-A791296674B4}" presName="conn" presStyleLbl="parChTrans1D2" presStyleIdx="0" presStyleCnt="1"/>
      <dgm:spPr/>
    </dgm:pt>
    <dgm:pt modelId="{6876B575-61F3-481E-B2F8-DE0377C98888}" type="pres">
      <dgm:prSet presAssocID="{D2D72098-2751-4054-B46F-A791296674B4}" presName="extraNode" presStyleLbl="node1" presStyleIdx="0" presStyleCnt="4"/>
      <dgm:spPr/>
    </dgm:pt>
    <dgm:pt modelId="{7A5FBBB7-B00C-434E-99E0-12CE3DB998B9}" type="pres">
      <dgm:prSet presAssocID="{D2D72098-2751-4054-B46F-A791296674B4}" presName="dstNode" presStyleLbl="node1" presStyleIdx="0" presStyleCnt="4"/>
      <dgm:spPr/>
    </dgm:pt>
    <dgm:pt modelId="{8A6BD8C2-F4A7-4EB4-9D5B-4B871F682334}" type="pres">
      <dgm:prSet presAssocID="{8DC90133-2C51-4748-8C36-AD2EC34A2C23}" presName="text_1" presStyleLbl="node1" presStyleIdx="0" presStyleCnt="4">
        <dgm:presLayoutVars>
          <dgm:bulletEnabled val="1"/>
        </dgm:presLayoutVars>
      </dgm:prSet>
      <dgm:spPr/>
    </dgm:pt>
    <dgm:pt modelId="{BF6AAB41-21D2-4A38-9096-4AE7A902823A}" type="pres">
      <dgm:prSet presAssocID="{8DC90133-2C51-4748-8C36-AD2EC34A2C23}" presName="accent_1" presStyleCnt="0"/>
      <dgm:spPr/>
    </dgm:pt>
    <dgm:pt modelId="{1935044E-8AC0-4060-BC35-B75FA1FDF0EA}" type="pres">
      <dgm:prSet presAssocID="{8DC90133-2C51-4748-8C36-AD2EC34A2C23}" presName="accentRepeatNode" presStyleLbl="solidFgAcc1" presStyleIdx="0" presStyleCnt="4"/>
      <dgm:spPr/>
    </dgm:pt>
    <dgm:pt modelId="{4E5B4BBB-29E2-4FE2-8836-4565B1C53F8A}" type="pres">
      <dgm:prSet presAssocID="{5493EACB-9496-41A5-9318-238D637B21BC}" presName="text_2" presStyleLbl="node1" presStyleIdx="1" presStyleCnt="4">
        <dgm:presLayoutVars>
          <dgm:bulletEnabled val="1"/>
        </dgm:presLayoutVars>
      </dgm:prSet>
      <dgm:spPr/>
    </dgm:pt>
    <dgm:pt modelId="{9A9D26A9-C4E6-465C-83C2-2A3A0EAD7307}" type="pres">
      <dgm:prSet presAssocID="{5493EACB-9496-41A5-9318-238D637B21BC}" presName="accent_2" presStyleCnt="0"/>
      <dgm:spPr/>
    </dgm:pt>
    <dgm:pt modelId="{2F32FED6-9D93-429B-9435-7D0680112081}" type="pres">
      <dgm:prSet presAssocID="{5493EACB-9496-41A5-9318-238D637B21BC}" presName="accentRepeatNode" presStyleLbl="solidFgAcc1" presStyleIdx="1" presStyleCnt="4"/>
      <dgm:spPr/>
    </dgm:pt>
    <dgm:pt modelId="{18A158DF-6D62-42D7-825C-76D4A7C8EADB}" type="pres">
      <dgm:prSet presAssocID="{C72FEB0E-E5F7-48A1-9700-DB9E808769B5}" presName="text_3" presStyleLbl="node1" presStyleIdx="2" presStyleCnt="4">
        <dgm:presLayoutVars>
          <dgm:bulletEnabled val="1"/>
        </dgm:presLayoutVars>
      </dgm:prSet>
      <dgm:spPr/>
    </dgm:pt>
    <dgm:pt modelId="{B0AC6878-509C-40A1-9A70-6A2F578AE979}" type="pres">
      <dgm:prSet presAssocID="{C72FEB0E-E5F7-48A1-9700-DB9E808769B5}" presName="accent_3" presStyleCnt="0"/>
      <dgm:spPr/>
    </dgm:pt>
    <dgm:pt modelId="{7C3E30E5-2AE9-4D80-9CE3-54A0133A8D0A}" type="pres">
      <dgm:prSet presAssocID="{C72FEB0E-E5F7-48A1-9700-DB9E808769B5}" presName="accentRepeatNode" presStyleLbl="solidFgAcc1" presStyleIdx="2" presStyleCnt="4"/>
      <dgm:spPr/>
    </dgm:pt>
    <dgm:pt modelId="{BDA8509A-BEB8-497B-9085-BF1479402BB2}" type="pres">
      <dgm:prSet presAssocID="{8FC9B9DD-3936-4171-AFD3-309AE42A7243}" presName="text_4" presStyleLbl="node1" presStyleIdx="3" presStyleCnt="4">
        <dgm:presLayoutVars>
          <dgm:bulletEnabled val="1"/>
        </dgm:presLayoutVars>
      </dgm:prSet>
      <dgm:spPr/>
    </dgm:pt>
    <dgm:pt modelId="{D427E5CF-D758-4813-BC35-55B230D99075}" type="pres">
      <dgm:prSet presAssocID="{8FC9B9DD-3936-4171-AFD3-309AE42A7243}" presName="accent_4" presStyleCnt="0"/>
      <dgm:spPr/>
    </dgm:pt>
    <dgm:pt modelId="{413CC6CF-7C62-4A4F-A1FF-8C1E4CABBF75}" type="pres">
      <dgm:prSet presAssocID="{8FC9B9DD-3936-4171-AFD3-309AE42A7243}" presName="accentRepeatNode" presStyleLbl="solidFgAcc1" presStyleIdx="3" presStyleCnt="4"/>
      <dgm:spPr/>
    </dgm:pt>
  </dgm:ptLst>
  <dgm:cxnLst>
    <dgm:cxn modelId="{1EF7B70A-6507-4D03-8CAA-6FD4934924D7}" type="presOf" srcId="{5493EACB-9496-41A5-9318-238D637B21BC}" destId="{4E5B4BBB-29E2-4FE2-8836-4565B1C53F8A}" srcOrd="0" destOrd="0" presId="urn:microsoft.com/office/officeart/2008/layout/VerticalCurvedList"/>
    <dgm:cxn modelId="{06AC941C-EC49-41FE-A10B-2CB4EA16C9C1}" srcId="{D2D72098-2751-4054-B46F-A791296674B4}" destId="{5493EACB-9496-41A5-9318-238D637B21BC}" srcOrd="1" destOrd="0" parTransId="{2595C35D-F0C7-42B3-A2FF-C9C78AFE7ECB}" sibTransId="{67AABF33-588F-41E8-9616-752B24FC129C}"/>
    <dgm:cxn modelId="{B722561D-38A0-4BF3-9BBF-B5FC7BAC93B0}" type="presOf" srcId="{41694464-DA53-4B52-8850-75E762BF23BF}" destId="{425207FF-09E6-4930-95D9-A1E46B0C2BC4}" srcOrd="0" destOrd="0" presId="urn:microsoft.com/office/officeart/2008/layout/VerticalCurvedList"/>
    <dgm:cxn modelId="{88097F21-930A-47A4-BC36-AF42FEAB7784}" srcId="{D2D72098-2751-4054-B46F-A791296674B4}" destId="{8FC9B9DD-3936-4171-AFD3-309AE42A7243}" srcOrd="3" destOrd="0" parTransId="{29F735F2-6F2E-4667-AB60-10CBA65F5C3D}" sibTransId="{3D5375C3-B104-413F-9897-F318D8F75FFC}"/>
    <dgm:cxn modelId="{59CE9B28-A014-403E-ADC1-501E402A18D2}" type="presOf" srcId="{8FC9B9DD-3936-4171-AFD3-309AE42A7243}" destId="{BDA8509A-BEB8-497B-9085-BF1479402BB2}" srcOrd="0" destOrd="0" presId="urn:microsoft.com/office/officeart/2008/layout/VerticalCurvedList"/>
    <dgm:cxn modelId="{A9EB6C2D-657C-4430-B6F6-B204F25DDAAA}" srcId="{D2D72098-2751-4054-B46F-A791296674B4}" destId="{C72FEB0E-E5F7-48A1-9700-DB9E808769B5}" srcOrd="2" destOrd="0" parTransId="{37E4913F-0D24-4FFF-8CE7-1391029B4EF1}" sibTransId="{C7CA4A0B-DC99-4909-8B15-E6234A748D42}"/>
    <dgm:cxn modelId="{CCABCF38-1EF5-4A58-A2FC-075BB03928BE}" srcId="{D2D72098-2751-4054-B46F-A791296674B4}" destId="{8DC90133-2C51-4748-8C36-AD2EC34A2C23}" srcOrd="0" destOrd="0" parTransId="{D6293D7C-E28C-4919-AE67-1593451BABB6}" sibTransId="{41694464-DA53-4B52-8850-75E762BF23BF}"/>
    <dgm:cxn modelId="{60A13D5A-1AF0-4218-9D3E-DF706C8F570D}" type="presOf" srcId="{C72FEB0E-E5F7-48A1-9700-DB9E808769B5}" destId="{18A158DF-6D62-42D7-825C-76D4A7C8EADB}" srcOrd="0" destOrd="0" presId="urn:microsoft.com/office/officeart/2008/layout/VerticalCurvedList"/>
    <dgm:cxn modelId="{355DCD92-E8E8-4192-AC6B-C0C1F034F8E3}" type="presOf" srcId="{8DC90133-2C51-4748-8C36-AD2EC34A2C23}" destId="{8A6BD8C2-F4A7-4EB4-9D5B-4B871F682334}" srcOrd="0" destOrd="0" presId="urn:microsoft.com/office/officeart/2008/layout/VerticalCurvedList"/>
    <dgm:cxn modelId="{8FFA7DA3-F9F8-432B-B1DB-59425B0DB153}" type="presOf" srcId="{D2D72098-2751-4054-B46F-A791296674B4}" destId="{FDC425D4-B704-4707-AB59-CE0871EBBDD0}" srcOrd="0" destOrd="0" presId="urn:microsoft.com/office/officeart/2008/layout/VerticalCurvedList"/>
    <dgm:cxn modelId="{9E90B363-A41D-40CA-AF94-221FEF80DC90}" type="presParOf" srcId="{FDC425D4-B704-4707-AB59-CE0871EBBDD0}" destId="{644D8079-8B27-4887-823E-25F6F15AEDB9}" srcOrd="0" destOrd="0" presId="urn:microsoft.com/office/officeart/2008/layout/VerticalCurvedList"/>
    <dgm:cxn modelId="{AF7FCB58-188B-448B-90EB-AA9A4418A174}" type="presParOf" srcId="{644D8079-8B27-4887-823E-25F6F15AEDB9}" destId="{09CF423A-21CD-495B-82AA-A50DF373180C}" srcOrd="0" destOrd="0" presId="urn:microsoft.com/office/officeart/2008/layout/VerticalCurvedList"/>
    <dgm:cxn modelId="{1CF5F89C-E90C-412E-9446-94FCED2E294B}" type="presParOf" srcId="{09CF423A-21CD-495B-82AA-A50DF373180C}" destId="{281054A5-D445-4370-84E2-0E6727BF0570}" srcOrd="0" destOrd="0" presId="urn:microsoft.com/office/officeart/2008/layout/VerticalCurvedList"/>
    <dgm:cxn modelId="{99CE0DFB-E2B8-49C6-849F-5C879BFF78E5}" type="presParOf" srcId="{09CF423A-21CD-495B-82AA-A50DF373180C}" destId="{425207FF-09E6-4930-95D9-A1E46B0C2BC4}" srcOrd="1" destOrd="0" presId="urn:microsoft.com/office/officeart/2008/layout/VerticalCurvedList"/>
    <dgm:cxn modelId="{DA100242-75E9-418A-BBDA-C33B6FB6C0DB}" type="presParOf" srcId="{09CF423A-21CD-495B-82AA-A50DF373180C}" destId="{6876B575-61F3-481E-B2F8-DE0377C98888}" srcOrd="2" destOrd="0" presId="urn:microsoft.com/office/officeart/2008/layout/VerticalCurvedList"/>
    <dgm:cxn modelId="{0C414231-96AD-4CCC-AF27-A4AA039FB18F}" type="presParOf" srcId="{09CF423A-21CD-495B-82AA-A50DF373180C}" destId="{7A5FBBB7-B00C-434E-99E0-12CE3DB998B9}" srcOrd="3" destOrd="0" presId="urn:microsoft.com/office/officeart/2008/layout/VerticalCurvedList"/>
    <dgm:cxn modelId="{29E5FA65-3039-46F9-8095-0C22817DCB50}" type="presParOf" srcId="{644D8079-8B27-4887-823E-25F6F15AEDB9}" destId="{8A6BD8C2-F4A7-4EB4-9D5B-4B871F682334}" srcOrd="1" destOrd="0" presId="urn:microsoft.com/office/officeart/2008/layout/VerticalCurvedList"/>
    <dgm:cxn modelId="{DE22DDB4-044B-4A9F-9A37-106DB75EE323}" type="presParOf" srcId="{644D8079-8B27-4887-823E-25F6F15AEDB9}" destId="{BF6AAB41-21D2-4A38-9096-4AE7A902823A}" srcOrd="2" destOrd="0" presId="urn:microsoft.com/office/officeart/2008/layout/VerticalCurvedList"/>
    <dgm:cxn modelId="{D7058D77-E874-4F6E-8DE2-C55B56552D51}" type="presParOf" srcId="{BF6AAB41-21D2-4A38-9096-4AE7A902823A}" destId="{1935044E-8AC0-4060-BC35-B75FA1FDF0EA}" srcOrd="0" destOrd="0" presId="urn:microsoft.com/office/officeart/2008/layout/VerticalCurvedList"/>
    <dgm:cxn modelId="{01886443-D945-4768-8E3F-ED6C279F975C}" type="presParOf" srcId="{644D8079-8B27-4887-823E-25F6F15AEDB9}" destId="{4E5B4BBB-29E2-4FE2-8836-4565B1C53F8A}" srcOrd="3" destOrd="0" presId="urn:microsoft.com/office/officeart/2008/layout/VerticalCurvedList"/>
    <dgm:cxn modelId="{8BD682A7-3D2D-41C7-87B0-EC5CB1E80E92}" type="presParOf" srcId="{644D8079-8B27-4887-823E-25F6F15AEDB9}" destId="{9A9D26A9-C4E6-465C-83C2-2A3A0EAD7307}" srcOrd="4" destOrd="0" presId="urn:microsoft.com/office/officeart/2008/layout/VerticalCurvedList"/>
    <dgm:cxn modelId="{880060B4-CA4A-493A-9D07-76B392F21C0C}" type="presParOf" srcId="{9A9D26A9-C4E6-465C-83C2-2A3A0EAD7307}" destId="{2F32FED6-9D93-429B-9435-7D0680112081}" srcOrd="0" destOrd="0" presId="urn:microsoft.com/office/officeart/2008/layout/VerticalCurvedList"/>
    <dgm:cxn modelId="{3B1D2190-09B1-4CA5-A6AF-653B67C84586}" type="presParOf" srcId="{644D8079-8B27-4887-823E-25F6F15AEDB9}" destId="{18A158DF-6D62-42D7-825C-76D4A7C8EADB}" srcOrd="5" destOrd="0" presId="urn:microsoft.com/office/officeart/2008/layout/VerticalCurvedList"/>
    <dgm:cxn modelId="{FBD34C9B-788B-4A68-BA58-3A60541EAC89}" type="presParOf" srcId="{644D8079-8B27-4887-823E-25F6F15AEDB9}" destId="{B0AC6878-509C-40A1-9A70-6A2F578AE979}" srcOrd="6" destOrd="0" presId="urn:microsoft.com/office/officeart/2008/layout/VerticalCurvedList"/>
    <dgm:cxn modelId="{341E294D-132E-451C-B38B-0006A8904E9A}" type="presParOf" srcId="{B0AC6878-509C-40A1-9A70-6A2F578AE979}" destId="{7C3E30E5-2AE9-4D80-9CE3-54A0133A8D0A}" srcOrd="0" destOrd="0" presId="urn:microsoft.com/office/officeart/2008/layout/VerticalCurvedList"/>
    <dgm:cxn modelId="{59A6D201-5C7E-4619-BE8D-07AAA9E26AF8}" type="presParOf" srcId="{644D8079-8B27-4887-823E-25F6F15AEDB9}" destId="{BDA8509A-BEB8-497B-9085-BF1479402BB2}" srcOrd="7" destOrd="0" presId="urn:microsoft.com/office/officeart/2008/layout/VerticalCurvedList"/>
    <dgm:cxn modelId="{0F0A735B-A99E-4916-8694-7FDE8F9653E4}" type="presParOf" srcId="{644D8079-8B27-4887-823E-25F6F15AEDB9}" destId="{D427E5CF-D758-4813-BC35-55B230D99075}" srcOrd="8" destOrd="0" presId="urn:microsoft.com/office/officeart/2008/layout/VerticalCurvedList"/>
    <dgm:cxn modelId="{D94D1335-D395-46DB-A799-222C4A78A368}" type="presParOf" srcId="{D427E5CF-D758-4813-BC35-55B230D99075}" destId="{413CC6CF-7C62-4A4F-A1FF-8C1E4CABBF75}" srcOrd="0" destOrd="0" presId="urn:microsoft.com/office/officeart/2008/layout/VerticalCurvedList"/>
  </dgm:cxnLst>
  <dgm:bg/>
  <dgm:whole/>
  <dgm:extLst>
    <a:ext uri="http://schemas.microsoft.com/office/drawing/2008/diagram">
      <dsp:dataModelExt xmlns:dsp="http://schemas.microsoft.com/office/drawing/2008/diagram" relId="rId9" minVer="http://schemas.openxmlformats.org/drawingml/2006/diagram"/>
    </a:ext>
  </dgm:extLst>
</dgm:dataModel>
</file>

<file path=ppt/diagrams/data7.xml><?xml version="1.0" encoding="utf-8"?>
<dgm:dataModel xmlns:dgm="http://schemas.openxmlformats.org/drawingml/2006/diagram" xmlns:a="http://schemas.openxmlformats.org/drawingml/2006/main">
  <dgm:ptLst>
    <dgm:pt modelId="{B8BA3FAA-AC8A-47C0-A713-4605C3FFCD51}" type="doc">
      <dgm:prSet loTypeId="urn:microsoft.com/office/officeart/2005/8/layout/hierarchy3" loCatId="hierarchy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42A79159-EBC6-4942-871C-8FB83EB9F96C}">
      <dgm:prSet/>
      <dgm:spPr/>
      <dgm:t>
        <a:bodyPr/>
        <a:lstStyle/>
        <a:p>
          <a:r>
            <a:rPr lang="ru-RU" dirty="0"/>
            <a:t>2. Цель: узнать свои результаты и ошибки. Сценарий:</a:t>
          </a:r>
        </a:p>
      </dgm:t>
    </dgm:pt>
    <dgm:pt modelId="{DA9F2FFA-08F4-44B5-808B-64A7DBA1CAB5}" type="parTrans" cxnId="{33553DD3-8E33-4C6A-B77A-3BE33681ECE5}">
      <dgm:prSet/>
      <dgm:spPr/>
      <dgm:t>
        <a:bodyPr/>
        <a:lstStyle/>
        <a:p>
          <a:endParaRPr lang="ru-RU"/>
        </a:p>
      </dgm:t>
    </dgm:pt>
    <dgm:pt modelId="{996B19A6-6167-4174-9A93-44E11C2191ED}" type="sibTrans" cxnId="{33553DD3-8E33-4C6A-B77A-3BE33681ECE5}">
      <dgm:prSet/>
      <dgm:spPr/>
      <dgm:t>
        <a:bodyPr/>
        <a:lstStyle/>
        <a:p>
          <a:endParaRPr lang="ru-RU"/>
        </a:p>
      </dgm:t>
    </dgm:pt>
    <dgm:pt modelId="{D31BC83A-121E-4894-AC86-3120B1D2C72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льзователь находится на главной странице.</a:t>
          </a:r>
        </a:p>
      </dgm:t>
    </dgm:pt>
    <dgm:pt modelId="{A23D1E61-A11C-4008-A2BB-ED0CFB3577E1}" type="parTrans" cxnId="{D877863A-FDB3-4158-9DD4-131FFC721651}">
      <dgm:prSet/>
      <dgm:spPr/>
      <dgm:t>
        <a:bodyPr/>
        <a:lstStyle/>
        <a:p>
          <a:endParaRPr lang="ru-RU"/>
        </a:p>
      </dgm:t>
    </dgm:pt>
    <dgm:pt modelId="{858D4B9F-1F10-4228-A365-28269E3A2DF5}" type="sibTrans" cxnId="{D877863A-FDB3-4158-9DD4-131FFC721651}">
      <dgm:prSet/>
      <dgm:spPr/>
      <dgm:t>
        <a:bodyPr/>
        <a:lstStyle/>
        <a:p>
          <a:endParaRPr lang="ru-RU"/>
        </a:p>
      </dgm:t>
    </dgm:pt>
    <dgm:pt modelId="{0572959F-620C-4BB5-A3AE-8AE0028A34D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ереходит в раздел «Результаты».</a:t>
          </a:r>
        </a:p>
      </dgm:t>
    </dgm:pt>
    <dgm:pt modelId="{5323AA3F-4916-431E-8821-2BEE4056AE40}" type="parTrans" cxnId="{3F47D4AA-B4FB-4B10-8651-2E4A64B18A54}">
      <dgm:prSet/>
      <dgm:spPr/>
      <dgm:t>
        <a:bodyPr/>
        <a:lstStyle/>
        <a:p>
          <a:endParaRPr lang="ru-RU"/>
        </a:p>
      </dgm:t>
    </dgm:pt>
    <dgm:pt modelId="{1C0C1495-3200-49EE-A1D2-592F37B9CD6A}" type="sibTrans" cxnId="{3F47D4AA-B4FB-4B10-8651-2E4A64B18A54}">
      <dgm:prSet/>
      <dgm:spPr/>
      <dgm:t>
        <a:bodyPr/>
        <a:lstStyle/>
        <a:p>
          <a:endParaRPr lang="ru-RU"/>
        </a:p>
      </dgm:t>
    </dgm:pt>
    <dgm:pt modelId="{FDFDDB82-365A-48CB-BA0E-BC91BA00A194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Видит все выполненные им тесты.</a:t>
          </a:r>
        </a:p>
      </dgm:t>
    </dgm:pt>
    <dgm:pt modelId="{0D0FCEDF-5F02-439B-AD59-715FD665F2E7}" type="parTrans" cxnId="{EF65D897-6D3E-4DCC-87E4-600DE13E1125}">
      <dgm:prSet/>
      <dgm:spPr/>
      <dgm:t>
        <a:bodyPr/>
        <a:lstStyle/>
        <a:p>
          <a:endParaRPr lang="ru-RU"/>
        </a:p>
      </dgm:t>
    </dgm:pt>
    <dgm:pt modelId="{0F9A64D9-329E-4678-A756-F49D95F39C99}" type="sibTrans" cxnId="{EF65D897-6D3E-4DCC-87E4-600DE13E1125}">
      <dgm:prSet/>
      <dgm:spPr/>
      <dgm:t>
        <a:bodyPr/>
        <a:lstStyle/>
        <a:p>
          <a:endParaRPr lang="ru-RU"/>
        </a:p>
      </dgm:t>
    </dgm:pt>
    <dgm:pt modelId="{083B951C-C293-4AF9-A843-8A6C69B5B50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Выбирает нужный тест.</a:t>
          </a:r>
        </a:p>
      </dgm:t>
    </dgm:pt>
    <dgm:pt modelId="{F815EB13-BD3F-4804-8C7C-9302C51F9CD4}" type="parTrans" cxnId="{4D748451-7149-495E-8582-4BACE65C776A}">
      <dgm:prSet/>
      <dgm:spPr/>
      <dgm:t>
        <a:bodyPr/>
        <a:lstStyle/>
        <a:p>
          <a:endParaRPr lang="ru-RU"/>
        </a:p>
      </dgm:t>
    </dgm:pt>
    <dgm:pt modelId="{4D27FF95-B0BE-4343-9479-D6517B328CD9}" type="sibTrans" cxnId="{4D748451-7149-495E-8582-4BACE65C776A}">
      <dgm:prSet/>
      <dgm:spPr/>
      <dgm:t>
        <a:bodyPr/>
        <a:lstStyle/>
        <a:p>
          <a:endParaRPr lang="ru-RU"/>
        </a:p>
      </dgm:t>
    </dgm:pt>
    <dgm:pt modelId="{69DB7712-D289-409F-8BA0-C7E3C6AA0CD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росматривает задания и правильные ответы к ним.</a:t>
          </a:r>
        </a:p>
      </dgm:t>
    </dgm:pt>
    <dgm:pt modelId="{EB73594A-82D3-4039-B8ED-4C91ECDDDF42}" type="parTrans" cxnId="{C340C6D4-1EA7-42C6-A798-6F69FF4974DB}">
      <dgm:prSet/>
      <dgm:spPr/>
      <dgm:t>
        <a:bodyPr/>
        <a:lstStyle/>
        <a:p>
          <a:endParaRPr lang="ru-RU"/>
        </a:p>
      </dgm:t>
    </dgm:pt>
    <dgm:pt modelId="{F3B79654-6310-444F-BB47-8FFFC830EFF7}" type="sibTrans" cxnId="{C340C6D4-1EA7-42C6-A798-6F69FF4974DB}">
      <dgm:prSet/>
      <dgm:spPr/>
      <dgm:t>
        <a:bodyPr/>
        <a:lstStyle/>
        <a:p>
          <a:endParaRPr lang="ru-RU"/>
        </a:p>
      </dgm:t>
    </dgm:pt>
    <dgm:pt modelId="{92FFE213-3487-4771-A644-7757E40AECE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ри необходимости выгружает отчет по тесту.</a:t>
          </a:r>
        </a:p>
      </dgm:t>
    </dgm:pt>
    <dgm:pt modelId="{65C1C480-50EC-4F2B-9CA7-3B6259B0AAF3}" type="parTrans" cxnId="{31F76B60-EFAF-4AF9-9F00-6772B311A34F}">
      <dgm:prSet/>
      <dgm:spPr/>
      <dgm:t>
        <a:bodyPr/>
        <a:lstStyle/>
        <a:p>
          <a:endParaRPr lang="ru-RU"/>
        </a:p>
      </dgm:t>
    </dgm:pt>
    <dgm:pt modelId="{24B93742-FC69-49BE-873A-FA30A9F271CE}" type="sibTrans" cxnId="{31F76B60-EFAF-4AF9-9F00-6772B311A34F}">
      <dgm:prSet/>
      <dgm:spPr/>
      <dgm:t>
        <a:bodyPr/>
        <a:lstStyle/>
        <a:p>
          <a:endParaRPr lang="ru-RU"/>
        </a:p>
      </dgm:t>
    </dgm:pt>
    <dgm:pt modelId="{CFA2FF16-96D4-4C13-8704-44F8EF707D6C}">
      <dgm:prSet/>
      <dgm:spPr/>
      <dgm:t>
        <a:bodyPr/>
        <a:lstStyle/>
        <a:p>
          <a:r>
            <a:rPr lang="ru-RU" dirty="0"/>
            <a:t>3. Цель: связь с сотрудниками HR отдела. Сценарий:</a:t>
          </a:r>
        </a:p>
      </dgm:t>
    </dgm:pt>
    <dgm:pt modelId="{5CAF3E57-E739-41CC-B9E3-021B205CCC1A}" type="parTrans" cxnId="{201C392F-804E-4936-A823-01C692DBA5D8}">
      <dgm:prSet/>
      <dgm:spPr/>
      <dgm:t>
        <a:bodyPr/>
        <a:lstStyle/>
        <a:p>
          <a:endParaRPr lang="ru-RU"/>
        </a:p>
      </dgm:t>
    </dgm:pt>
    <dgm:pt modelId="{AEA9975D-6234-41D1-9E58-4D5F645A7699}" type="sibTrans" cxnId="{201C392F-804E-4936-A823-01C692DBA5D8}">
      <dgm:prSet/>
      <dgm:spPr/>
      <dgm:t>
        <a:bodyPr/>
        <a:lstStyle/>
        <a:p>
          <a:endParaRPr lang="ru-RU"/>
        </a:p>
      </dgm:t>
    </dgm:pt>
    <dgm:pt modelId="{091E8ABD-FC8E-42F7-A579-389E629A6A40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У пользователя возникает вопрос.</a:t>
          </a:r>
        </a:p>
      </dgm:t>
    </dgm:pt>
    <dgm:pt modelId="{8C919A70-792A-43E2-B47D-99A7C0020243}" type="parTrans" cxnId="{6B2A9ABA-D2CD-45D3-B2D3-B8F60BD6D2BE}">
      <dgm:prSet/>
      <dgm:spPr/>
      <dgm:t>
        <a:bodyPr/>
        <a:lstStyle/>
        <a:p>
          <a:endParaRPr lang="ru-RU"/>
        </a:p>
      </dgm:t>
    </dgm:pt>
    <dgm:pt modelId="{B316F2F2-9FB6-4A06-BAA8-19466331B86B}" type="sibTrans" cxnId="{6B2A9ABA-D2CD-45D3-B2D3-B8F60BD6D2BE}">
      <dgm:prSet/>
      <dgm:spPr/>
      <dgm:t>
        <a:bodyPr/>
        <a:lstStyle/>
        <a:p>
          <a:endParaRPr lang="ru-RU"/>
        </a:p>
      </dgm:t>
    </dgm:pt>
    <dgm:pt modelId="{5C6D42F8-5166-4BAB-AE10-673BA3228705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льзователь находится на главной странице.</a:t>
          </a:r>
        </a:p>
      </dgm:t>
    </dgm:pt>
    <dgm:pt modelId="{23162C81-FE2E-4D70-BF4B-609937F9C637}" type="parTrans" cxnId="{6E83A3A9-9934-4A1F-B9F3-9B11D66BD504}">
      <dgm:prSet/>
      <dgm:spPr/>
      <dgm:t>
        <a:bodyPr/>
        <a:lstStyle/>
        <a:p>
          <a:endParaRPr lang="ru-RU"/>
        </a:p>
      </dgm:t>
    </dgm:pt>
    <dgm:pt modelId="{3AF83E27-1E14-4C01-AC85-B8A5489E07C0}" type="sibTrans" cxnId="{6E83A3A9-9934-4A1F-B9F3-9B11D66BD504}">
      <dgm:prSet/>
      <dgm:spPr/>
      <dgm:t>
        <a:bodyPr/>
        <a:lstStyle/>
        <a:p>
          <a:endParaRPr lang="ru-RU"/>
        </a:p>
      </dgm:t>
    </dgm:pt>
    <dgm:pt modelId="{E5E69566-ADCC-421D-B8D8-D18EE405EFC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Он переходит в раздел «Поддержка».</a:t>
          </a:r>
        </a:p>
      </dgm:t>
    </dgm:pt>
    <dgm:pt modelId="{3EA93AE0-C86B-452C-90C4-AB49A871EBAB}" type="parTrans" cxnId="{ADEF14BA-1CE0-4CA6-B53E-44812FB44DF0}">
      <dgm:prSet/>
      <dgm:spPr/>
      <dgm:t>
        <a:bodyPr/>
        <a:lstStyle/>
        <a:p>
          <a:endParaRPr lang="ru-RU"/>
        </a:p>
      </dgm:t>
    </dgm:pt>
    <dgm:pt modelId="{6B8F72B0-6850-4BFC-8AC2-BF5AAB468A74}" type="sibTrans" cxnId="{ADEF14BA-1CE0-4CA6-B53E-44812FB44DF0}">
      <dgm:prSet/>
      <dgm:spPr/>
      <dgm:t>
        <a:bodyPr/>
        <a:lstStyle/>
        <a:p>
          <a:endParaRPr lang="ru-RU"/>
        </a:p>
      </dgm:t>
    </dgm:pt>
    <dgm:pt modelId="{0D9B86FA-01FB-47BA-A6C5-1A2367E7381C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И заполняет форму обратной связи, указывая свои данные для связи.</a:t>
          </a:r>
        </a:p>
      </dgm:t>
    </dgm:pt>
    <dgm:pt modelId="{5F3AE932-9195-42D5-8F8E-7B0C92C1DEF1}" type="parTrans" cxnId="{0A4B92D3-D71A-4E99-A547-8C76E34750C0}">
      <dgm:prSet/>
      <dgm:spPr/>
      <dgm:t>
        <a:bodyPr/>
        <a:lstStyle/>
        <a:p>
          <a:endParaRPr lang="ru-RU"/>
        </a:p>
      </dgm:t>
    </dgm:pt>
    <dgm:pt modelId="{9DA6FC75-EE61-4725-93C5-1F0250C3503B}" type="sibTrans" cxnId="{0A4B92D3-D71A-4E99-A547-8C76E34750C0}">
      <dgm:prSet/>
      <dgm:spPr/>
      <dgm:t>
        <a:bodyPr/>
        <a:lstStyle/>
        <a:p>
          <a:endParaRPr lang="ru-RU"/>
        </a:p>
      </dgm:t>
    </dgm:pt>
    <dgm:pt modelId="{02284199-7AD2-4D0C-B8E2-C2B8A70659A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Сотрудник </a:t>
          </a:r>
          <a:r>
            <a:rPr lang="en-US" dirty="0"/>
            <a:t>HR </a:t>
          </a:r>
          <a:r>
            <a:rPr lang="ru-RU" dirty="0"/>
            <a:t>отдела в последующем связывается с данным пользователем.</a:t>
          </a:r>
        </a:p>
      </dgm:t>
    </dgm:pt>
    <dgm:pt modelId="{6DB69511-28E3-4CDA-B60D-C71632DCB150}" type="parTrans" cxnId="{81A400D0-861B-43EB-8D98-6362DD757F51}">
      <dgm:prSet/>
      <dgm:spPr/>
      <dgm:t>
        <a:bodyPr/>
        <a:lstStyle/>
        <a:p>
          <a:endParaRPr lang="ru-RU"/>
        </a:p>
      </dgm:t>
    </dgm:pt>
    <dgm:pt modelId="{9636BC11-AF14-4D89-82D0-6B99967B16F9}" type="sibTrans" cxnId="{81A400D0-861B-43EB-8D98-6362DD757F51}">
      <dgm:prSet/>
      <dgm:spPr/>
      <dgm:t>
        <a:bodyPr/>
        <a:lstStyle/>
        <a:p>
          <a:endParaRPr lang="ru-RU"/>
        </a:p>
      </dgm:t>
    </dgm:pt>
    <dgm:pt modelId="{8207AC9E-C5A7-4A92-9162-F81691D87F96}" type="pres">
      <dgm:prSet presAssocID="{B8BA3FAA-AC8A-47C0-A713-4605C3FFCD51}" presName="diagram" presStyleCnt="0">
        <dgm:presLayoutVars>
          <dgm:chPref val="1"/>
          <dgm:dir/>
          <dgm:animOne val="branch"/>
          <dgm:animLvl val="lvl"/>
          <dgm:resizeHandles/>
        </dgm:presLayoutVars>
      </dgm:prSet>
      <dgm:spPr/>
    </dgm:pt>
    <dgm:pt modelId="{2C78FFFF-9B28-4584-80EC-4ADE2A647465}" type="pres">
      <dgm:prSet presAssocID="{42A79159-EBC6-4942-871C-8FB83EB9F96C}" presName="root" presStyleCnt="0"/>
      <dgm:spPr/>
    </dgm:pt>
    <dgm:pt modelId="{8DA0F165-4A89-4348-8912-604401F47BFE}" type="pres">
      <dgm:prSet presAssocID="{42A79159-EBC6-4942-871C-8FB83EB9F96C}" presName="rootComposite" presStyleCnt="0"/>
      <dgm:spPr/>
    </dgm:pt>
    <dgm:pt modelId="{2DF15C72-93B2-44A4-93AD-D136E0526E8E}" type="pres">
      <dgm:prSet presAssocID="{42A79159-EBC6-4942-871C-8FB83EB9F96C}" presName="rootText" presStyleLbl="node1" presStyleIdx="0" presStyleCnt="2"/>
      <dgm:spPr/>
    </dgm:pt>
    <dgm:pt modelId="{CD351CE8-4387-4A46-BF54-65E2C5DEF9C4}" type="pres">
      <dgm:prSet presAssocID="{42A79159-EBC6-4942-871C-8FB83EB9F96C}" presName="rootConnector" presStyleLbl="node1" presStyleIdx="0" presStyleCnt="2"/>
      <dgm:spPr/>
    </dgm:pt>
    <dgm:pt modelId="{9B621D0A-4BA1-4A1F-8166-09AAE8D1A4F3}" type="pres">
      <dgm:prSet presAssocID="{42A79159-EBC6-4942-871C-8FB83EB9F96C}" presName="childShape" presStyleCnt="0"/>
      <dgm:spPr/>
    </dgm:pt>
    <dgm:pt modelId="{B9138825-26AF-494E-99E8-964830E0B21C}" type="pres">
      <dgm:prSet presAssocID="{A23D1E61-A11C-4008-A2BB-ED0CFB3577E1}" presName="Name13" presStyleLbl="parChTrans1D2" presStyleIdx="0" presStyleCnt="11"/>
      <dgm:spPr/>
    </dgm:pt>
    <dgm:pt modelId="{3A9FFF2E-6B88-41A3-8371-D8404259E177}" type="pres">
      <dgm:prSet presAssocID="{D31BC83A-121E-4894-AC86-3120B1D2C727}" presName="childText" presStyleLbl="bgAcc1" presStyleIdx="0" presStyleCnt="11">
        <dgm:presLayoutVars>
          <dgm:bulletEnabled val="1"/>
        </dgm:presLayoutVars>
      </dgm:prSet>
      <dgm:spPr/>
    </dgm:pt>
    <dgm:pt modelId="{61C0AC90-C9A8-40FB-8D91-A8C1E9EF94BB}" type="pres">
      <dgm:prSet presAssocID="{5323AA3F-4916-431E-8821-2BEE4056AE40}" presName="Name13" presStyleLbl="parChTrans1D2" presStyleIdx="1" presStyleCnt="11"/>
      <dgm:spPr/>
    </dgm:pt>
    <dgm:pt modelId="{B86E4FD6-D5BE-4AEE-824F-5D9DE26A5D09}" type="pres">
      <dgm:prSet presAssocID="{0572959F-620C-4BB5-A3AE-8AE0028A34D6}" presName="childText" presStyleLbl="bgAcc1" presStyleIdx="1" presStyleCnt="11">
        <dgm:presLayoutVars>
          <dgm:bulletEnabled val="1"/>
        </dgm:presLayoutVars>
      </dgm:prSet>
      <dgm:spPr/>
    </dgm:pt>
    <dgm:pt modelId="{8864B89F-D90F-4FD9-B03E-9083EC6B85C4}" type="pres">
      <dgm:prSet presAssocID="{0D0FCEDF-5F02-439B-AD59-715FD665F2E7}" presName="Name13" presStyleLbl="parChTrans1D2" presStyleIdx="2" presStyleCnt="11"/>
      <dgm:spPr/>
    </dgm:pt>
    <dgm:pt modelId="{E8CE5F8D-C342-44B8-AA85-FD45EE0608B7}" type="pres">
      <dgm:prSet presAssocID="{FDFDDB82-365A-48CB-BA0E-BC91BA00A194}" presName="childText" presStyleLbl="bgAcc1" presStyleIdx="2" presStyleCnt="11">
        <dgm:presLayoutVars>
          <dgm:bulletEnabled val="1"/>
        </dgm:presLayoutVars>
      </dgm:prSet>
      <dgm:spPr/>
    </dgm:pt>
    <dgm:pt modelId="{D445493C-8C24-4180-81D3-4158D8DB32B4}" type="pres">
      <dgm:prSet presAssocID="{F815EB13-BD3F-4804-8C7C-9302C51F9CD4}" presName="Name13" presStyleLbl="parChTrans1D2" presStyleIdx="3" presStyleCnt="11"/>
      <dgm:spPr/>
    </dgm:pt>
    <dgm:pt modelId="{7DC1066C-5050-4244-B112-A5702C6EAE4F}" type="pres">
      <dgm:prSet presAssocID="{083B951C-C293-4AF9-A843-8A6C69B5B507}" presName="childText" presStyleLbl="bgAcc1" presStyleIdx="3" presStyleCnt="11">
        <dgm:presLayoutVars>
          <dgm:bulletEnabled val="1"/>
        </dgm:presLayoutVars>
      </dgm:prSet>
      <dgm:spPr/>
    </dgm:pt>
    <dgm:pt modelId="{4ADB65EB-6E70-4297-96C2-1B01F00E1E15}" type="pres">
      <dgm:prSet presAssocID="{EB73594A-82D3-4039-B8ED-4C91ECDDDF42}" presName="Name13" presStyleLbl="parChTrans1D2" presStyleIdx="4" presStyleCnt="11"/>
      <dgm:spPr/>
    </dgm:pt>
    <dgm:pt modelId="{71200F3B-DB0F-4477-A15A-679E05085F25}" type="pres">
      <dgm:prSet presAssocID="{69DB7712-D289-409F-8BA0-C7E3C6AA0CD6}" presName="childText" presStyleLbl="bgAcc1" presStyleIdx="4" presStyleCnt="11">
        <dgm:presLayoutVars>
          <dgm:bulletEnabled val="1"/>
        </dgm:presLayoutVars>
      </dgm:prSet>
      <dgm:spPr/>
    </dgm:pt>
    <dgm:pt modelId="{02FBE7BF-A3C1-4C2A-8632-E4F7B5B3FBAC}" type="pres">
      <dgm:prSet presAssocID="{65C1C480-50EC-4F2B-9CA7-3B6259B0AAF3}" presName="Name13" presStyleLbl="parChTrans1D2" presStyleIdx="5" presStyleCnt="11"/>
      <dgm:spPr/>
    </dgm:pt>
    <dgm:pt modelId="{ED7478F3-A5ED-4D77-A4B7-9AFD406EF1E6}" type="pres">
      <dgm:prSet presAssocID="{92FFE213-3487-4771-A644-7757E40AECE9}" presName="childText" presStyleLbl="bgAcc1" presStyleIdx="5" presStyleCnt="11">
        <dgm:presLayoutVars>
          <dgm:bulletEnabled val="1"/>
        </dgm:presLayoutVars>
      </dgm:prSet>
      <dgm:spPr/>
    </dgm:pt>
    <dgm:pt modelId="{C4062D3C-02BD-406A-946C-A7F9C578062E}" type="pres">
      <dgm:prSet presAssocID="{CFA2FF16-96D4-4C13-8704-44F8EF707D6C}" presName="root" presStyleCnt="0"/>
      <dgm:spPr/>
    </dgm:pt>
    <dgm:pt modelId="{6FB2113A-18F8-4F9B-B1D6-9F2BF2D07718}" type="pres">
      <dgm:prSet presAssocID="{CFA2FF16-96D4-4C13-8704-44F8EF707D6C}" presName="rootComposite" presStyleCnt="0"/>
      <dgm:spPr/>
    </dgm:pt>
    <dgm:pt modelId="{F3B2D03E-B7FA-4A0C-AD02-49ADEFD31E23}" type="pres">
      <dgm:prSet presAssocID="{CFA2FF16-96D4-4C13-8704-44F8EF707D6C}" presName="rootText" presStyleLbl="node1" presStyleIdx="1" presStyleCnt="2"/>
      <dgm:spPr/>
    </dgm:pt>
    <dgm:pt modelId="{29136D54-AAEC-4E1A-B83A-4197EFD77B5E}" type="pres">
      <dgm:prSet presAssocID="{CFA2FF16-96D4-4C13-8704-44F8EF707D6C}" presName="rootConnector" presStyleLbl="node1" presStyleIdx="1" presStyleCnt="2"/>
      <dgm:spPr/>
    </dgm:pt>
    <dgm:pt modelId="{B12B577D-6A3A-4D70-8424-4F5F47B211E0}" type="pres">
      <dgm:prSet presAssocID="{CFA2FF16-96D4-4C13-8704-44F8EF707D6C}" presName="childShape" presStyleCnt="0"/>
      <dgm:spPr/>
    </dgm:pt>
    <dgm:pt modelId="{91500BA8-1733-4B32-8166-2B0C9C73A8A9}" type="pres">
      <dgm:prSet presAssocID="{8C919A70-792A-43E2-B47D-99A7C0020243}" presName="Name13" presStyleLbl="parChTrans1D2" presStyleIdx="6" presStyleCnt="11"/>
      <dgm:spPr/>
    </dgm:pt>
    <dgm:pt modelId="{11115A35-0432-4810-B58B-A585F34C94DC}" type="pres">
      <dgm:prSet presAssocID="{091E8ABD-FC8E-42F7-A579-389E629A6A40}" presName="childText" presStyleLbl="bgAcc1" presStyleIdx="6" presStyleCnt="11">
        <dgm:presLayoutVars>
          <dgm:bulletEnabled val="1"/>
        </dgm:presLayoutVars>
      </dgm:prSet>
      <dgm:spPr/>
    </dgm:pt>
    <dgm:pt modelId="{1D4E4B9A-C0DF-4087-A707-9B8E3434B631}" type="pres">
      <dgm:prSet presAssocID="{23162C81-FE2E-4D70-BF4B-609937F9C637}" presName="Name13" presStyleLbl="parChTrans1D2" presStyleIdx="7" presStyleCnt="11"/>
      <dgm:spPr/>
    </dgm:pt>
    <dgm:pt modelId="{BF8EE779-EE24-4B64-93FA-13CA6CF24E11}" type="pres">
      <dgm:prSet presAssocID="{5C6D42F8-5166-4BAB-AE10-673BA3228705}" presName="childText" presStyleLbl="bgAcc1" presStyleIdx="7" presStyleCnt="11">
        <dgm:presLayoutVars>
          <dgm:bulletEnabled val="1"/>
        </dgm:presLayoutVars>
      </dgm:prSet>
      <dgm:spPr/>
    </dgm:pt>
    <dgm:pt modelId="{86FB3597-3235-41A8-8108-A58BACA9DFBF}" type="pres">
      <dgm:prSet presAssocID="{3EA93AE0-C86B-452C-90C4-AB49A871EBAB}" presName="Name13" presStyleLbl="parChTrans1D2" presStyleIdx="8" presStyleCnt="11"/>
      <dgm:spPr/>
    </dgm:pt>
    <dgm:pt modelId="{892AF4EC-123C-4402-9DF1-466E8D2D49F9}" type="pres">
      <dgm:prSet presAssocID="{E5E69566-ADCC-421D-B8D8-D18EE405EFC6}" presName="childText" presStyleLbl="bgAcc1" presStyleIdx="8" presStyleCnt="11">
        <dgm:presLayoutVars>
          <dgm:bulletEnabled val="1"/>
        </dgm:presLayoutVars>
      </dgm:prSet>
      <dgm:spPr/>
    </dgm:pt>
    <dgm:pt modelId="{BAEEDCBE-E06C-4CB8-8902-E4B899A4F47E}" type="pres">
      <dgm:prSet presAssocID="{5F3AE932-9195-42D5-8F8E-7B0C92C1DEF1}" presName="Name13" presStyleLbl="parChTrans1D2" presStyleIdx="9" presStyleCnt="11"/>
      <dgm:spPr/>
    </dgm:pt>
    <dgm:pt modelId="{9634F2CF-200C-4CAC-B61F-60B71C318BA0}" type="pres">
      <dgm:prSet presAssocID="{0D9B86FA-01FB-47BA-A6C5-1A2367E7381C}" presName="childText" presStyleLbl="bgAcc1" presStyleIdx="9" presStyleCnt="11">
        <dgm:presLayoutVars>
          <dgm:bulletEnabled val="1"/>
        </dgm:presLayoutVars>
      </dgm:prSet>
      <dgm:spPr/>
    </dgm:pt>
    <dgm:pt modelId="{A999C9CE-4819-4F1D-A9D1-A26BBA828984}" type="pres">
      <dgm:prSet presAssocID="{6DB69511-28E3-4CDA-B60D-C71632DCB150}" presName="Name13" presStyleLbl="parChTrans1D2" presStyleIdx="10" presStyleCnt="11"/>
      <dgm:spPr/>
    </dgm:pt>
    <dgm:pt modelId="{B53FEAD5-9149-4642-ADB8-A7E7F45DCE35}" type="pres">
      <dgm:prSet presAssocID="{02284199-7AD2-4D0C-B8E2-C2B8A70659A7}" presName="childText" presStyleLbl="bgAcc1" presStyleIdx="10" presStyleCnt="11">
        <dgm:presLayoutVars>
          <dgm:bulletEnabled val="1"/>
        </dgm:presLayoutVars>
      </dgm:prSet>
      <dgm:spPr/>
    </dgm:pt>
  </dgm:ptLst>
  <dgm:cxnLst>
    <dgm:cxn modelId="{F4240804-AC7B-4BEB-AF1B-60B348AF139A}" type="presOf" srcId="{D31BC83A-121E-4894-AC86-3120B1D2C727}" destId="{3A9FFF2E-6B88-41A3-8371-D8404259E177}" srcOrd="0" destOrd="0" presId="urn:microsoft.com/office/officeart/2005/8/layout/hierarchy3"/>
    <dgm:cxn modelId="{9F17DC06-27F0-42AB-B6F9-0F426F639495}" type="presOf" srcId="{FDFDDB82-365A-48CB-BA0E-BC91BA00A194}" destId="{E8CE5F8D-C342-44B8-AA85-FD45EE0608B7}" srcOrd="0" destOrd="0" presId="urn:microsoft.com/office/officeart/2005/8/layout/hierarchy3"/>
    <dgm:cxn modelId="{0C7AAB10-69CF-49CD-8218-2B4E47A56FE3}" type="presOf" srcId="{3EA93AE0-C86B-452C-90C4-AB49A871EBAB}" destId="{86FB3597-3235-41A8-8108-A58BACA9DFBF}" srcOrd="0" destOrd="0" presId="urn:microsoft.com/office/officeart/2005/8/layout/hierarchy3"/>
    <dgm:cxn modelId="{C2185417-2C85-4BC5-8224-1FEF704435B0}" type="presOf" srcId="{23162C81-FE2E-4D70-BF4B-609937F9C637}" destId="{1D4E4B9A-C0DF-4087-A707-9B8E3434B631}" srcOrd="0" destOrd="0" presId="urn:microsoft.com/office/officeart/2005/8/layout/hierarchy3"/>
    <dgm:cxn modelId="{F2946118-46F3-4BED-8EEB-43A3DEEEEC1C}" type="presOf" srcId="{5323AA3F-4916-431E-8821-2BEE4056AE40}" destId="{61C0AC90-C9A8-40FB-8D91-A8C1E9EF94BB}" srcOrd="0" destOrd="0" presId="urn:microsoft.com/office/officeart/2005/8/layout/hierarchy3"/>
    <dgm:cxn modelId="{5A558A28-EA30-4235-8713-21D5A156CB84}" type="presOf" srcId="{CFA2FF16-96D4-4C13-8704-44F8EF707D6C}" destId="{F3B2D03E-B7FA-4A0C-AD02-49ADEFD31E23}" srcOrd="0" destOrd="0" presId="urn:microsoft.com/office/officeart/2005/8/layout/hierarchy3"/>
    <dgm:cxn modelId="{201C392F-804E-4936-A823-01C692DBA5D8}" srcId="{B8BA3FAA-AC8A-47C0-A713-4605C3FFCD51}" destId="{CFA2FF16-96D4-4C13-8704-44F8EF707D6C}" srcOrd="1" destOrd="0" parTransId="{5CAF3E57-E739-41CC-B9E3-021B205CCC1A}" sibTransId="{AEA9975D-6234-41D1-9E58-4D5F645A7699}"/>
    <dgm:cxn modelId="{D877863A-FDB3-4158-9DD4-131FFC721651}" srcId="{42A79159-EBC6-4942-871C-8FB83EB9F96C}" destId="{D31BC83A-121E-4894-AC86-3120B1D2C727}" srcOrd="0" destOrd="0" parTransId="{A23D1E61-A11C-4008-A2BB-ED0CFB3577E1}" sibTransId="{858D4B9F-1F10-4228-A365-28269E3A2DF5}"/>
    <dgm:cxn modelId="{AD010F3C-EB64-4F24-96B7-BE4BA9F4B07D}" type="presOf" srcId="{42A79159-EBC6-4942-871C-8FB83EB9F96C}" destId="{2DF15C72-93B2-44A4-93AD-D136E0526E8E}" srcOrd="0" destOrd="0" presId="urn:microsoft.com/office/officeart/2005/8/layout/hierarchy3"/>
    <dgm:cxn modelId="{57F81F5F-9EBC-4064-8A15-2661A676BEDD}" type="presOf" srcId="{69DB7712-D289-409F-8BA0-C7E3C6AA0CD6}" destId="{71200F3B-DB0F-4477-A15A-679E05085F25}" srcOrd="0" destOrd="0" presId="urn:microsoft.com/office/officeart/2005/8/layout/hierarchy3"/>
    <dgm:cxn modelId="{31F76B60-EFAF-4AF9-9F00-6772B311A34F}" srcId="{42A79159-EBC6-4942-871C-8FB83EB9F96C}" destId="{92FFE213-3487-4771-A644-7757E40AECE9}" srcOrd="5" destOrd="0" parTransId="{65C1C480-50EC-4F2B-9CA7-3B6259B0AAF3}" sibTransId="{24B93742-FC69-49BE-873A-FA30A9F271CE}"/>
    <dgm:cxn modelId="{A6C68B43-5780-4CAC-B57A-A8B8C79EA818}" type="presOf" srcId="{5C6D42F8-5166-4BAB-AE10-673BA3228705}" destId="{BF8EE779-EE24-4B64-93FA-13CA6CF24E11}" srcOrd="0" destOrd="0" presId="urn:microsoft.com/office/officeart/2005/8/layout/hierarchy3"/>
    <dgm:cxn modelId="{3600DA47-A351-4123-819F-12826761711F}" type="presOf" srcId="{0D9B86FA-01FB-47BA-A6C5-1A2367E7381C}" destId="{9634F2CF-200C-4CAC-B61F-60B71C318BA0}" srcOrd="0" destOrd="0" presId="urn:microsoft.com/office/officeart/2005/8/layout/hierarchy3"/>
    <dgm:cxn modelId="{B0AA4669-6504-4A84-9538-4570E5A30BD9}" type="presOf" srcId="{EB73594A-82D3-4039-B8ED-4C91ECDDDF42}" destId="{4ADB65EB-6E70-4297-96C2-1B01F00E1E15}" srcOrd="0" destOrd="0" presId="urn:microsoft.com/office/officeart/2005/8/layout/hierarchy3"/>
    <dgm:cxn modelId="{EC759C49-6A7C-47D3-9BF9-5FF9078975EB}" type="presOf" srcId="{42A79159-EBC6-4942-871C-8FB83EB9F96C}" destId="{CD351CE8-4387-4A46-BF54-65E2C5DEF9C4}" srcOrd="1" destOrd="0" presId="urn:microsoft.com/office/officeart/2005/8/layout/hierarchy3"/>
    <dgm:cxn modelId="{7F33F34E-54FD-40F9-BA15-71D6DF2D1941}" type="presOf" srcId="{F815EB13-BD3F-4804-8C7C-9302C51F9CD4}" destId="{D445493C-8C24-4180-81D3-4158D8DB32B4}" srcOrd="0" destOrd="0" presId="urn:microsoft.com/office/officeart/2005/8/layout/hierarchy3"/>
    <dgm:cxn modelId="{4D748451-7149-495E-8582-4BACE65C776A}" srcId="{42A79159-EBC6-4942-871C-8FB83EB9F96C}" destId="{083B951C-C293-4AF9-A843-8A6C69B5B507}" srcOrd="3" destOrd="0" parTransId="{F815EB13-BD3F-4804-8C7C-9302C51F9CD4}" sibTransId="{4D27FF95-B0BE-4343-9479-D6517B328CD9}"/>
    <dgm:cxn modelId="{D620B971-C2E9-420E-87E9-67A09C20B0FE}" type="presOf" srcId="{92FFE213-3487-4771-A644-7757E40AECE9}" destId="{ED7478F3-A5ED-4D77-A4B7-9AFD406EF1E6}" srcOrd="0" destOrd="0" presId="urn:microsoft.com/office/officeart/2005/8/layout/hierarchy3"/>
    <dgm:cxn modelId="{65AFDE91-DFA1-40F0-BA8A-42F07221A50E}" type="presOf" srcId="{8C919A70-792A-43E2-B47D-99A7C0020243}" destId="{91500BA8-1733-4B32-8166-2B0C9C73A8A9}" srcOrd="0" destOrd="0" presId="urn:microsoft.com/office/officeart/2005/8/layout/hierarchy3"/>
    <dgm:cxn modelId="{372D2492-C42E-47AB-AF28-000B4D31D243}" type="presOf" srcId="{0D0FCEDF-5F02-439B-AD59-715FD665F2E7}" destId="{8864B89F-D90F-4FD9-B03E-9083EC6B85C4}" srcOrd="0" destOrd="0" presId="urn:microsoft.com/office/officeart/2005/8/layout/hierarchy3"/>
    <dgm:cxn modelId="{EF65D897-6D3E-4DCC-87E4-600DE13E1125}" srcId="{42A79159-EBC6-4942-871C-8FB83EB9F96C}" destId="{FDFDDB82-365A-48CB-BA0E-BC91BA00A194}" srcOrd="2" destOrd="0" parTransId="{0D0FCEDF-5F02-439B-AD59-715FD665F2E7}" sibTransId="{0F9A64D9-329E-4678-A756-F49D95F39C99}"/>
    <dgm:cxn modelId="{64A6FA9A-5712-4F40-8D69-AFEB657FDE48}" type="presOf" srcId="{B8BA3FAA-AC8A-47C0-A713-4605C3FFCD51}" destId="{8207AC9E-C5A7-4A92-9162-F81691D87F96}" srcOrd="0" destOrd="0" presId="urn:microsoft.com/office/officeart/2005/8/layout/hierarchy3"/>
    <dgm:cxn modelId="{4023869B-12FC-4959-8C0D-4DF507F6C95E}" type="presOf" srcId="{0572959F-620C-4BB5-A3AE-8AE0028A34D6}" destId="{B86E4FD6-D5BE-4AEE-824F-5D9DE26A5D09}" srcOrd="0" destOrd="0" presId="urn:microsoft.com/office/officeart/2005/8/layout/hierarchy3"/>
    <dgm:cxn modelId="{6E83A3A9-9934-4A1F-B9F3-9B11D66BD504}" srcId="{CFA2FF16-96D4-4C13-8704-44F8EF707D6C}" destId="{5C6D42F8-5166-4BAB-AE10-673BA3228705}" srcOrd="1" destOrd="0" parTransId="{23162C81-FE2E-4D70-BF4B-609937F9C637}" sibTransId="{3AF83E27-1E14-4C01-AC85-B8A5489E07C0}"/>
    <dgm:cxn modelId="{3F47D4AA-B4FB-4B10-8651-2E4A64B18A54}" srcId="{42A79159-EBC6-4942-871C-8FB83EB9F96C}" destId="{0572959F-620C-4BB5-A3AE-8AE0028A34D6}" srcOrd="1" destOrd="0" parTransId="{5323AA3F-4916-431E-8821-2BEE4056AE40}" sibTransId="{1C0C1495-3200-49EE-A1D2-592F37B9CD6A}"/>
    <dgm:cxn modelId="{21306CB5-9413-47BC-AD41-A6DE312CAABE}" type="presOf" srcId="{65C1C480-50EC-4F2B-9CA7-3B6259B0AAF3}" destId="{02FBE7BF-A3C1-4C2A-8632-E4F7B5B3FBAC}" srcOrd="0" destOrd="0" presId="urn:microsoft.com/office/officeart/2005/8/layout/hierarchy3"/>
    <dgm:cxn modelId="{47C4B7B8-4A38-4FE6-8026-8726724BDF5C}" type="presOf" srcId="{CFA2FF16-96D4-4C13-8704-44F8EF707D6C}" destId="{29136D54-AAEC-4E1A-B83A-4197EFD77B5E}" srcOrd="1" destOrd="0" presId="urn:microsoft.com/office/officeart/2005/8/layout/hierarchy3"/>
    <dgm:cxn modelId="{ADEF14BA-1CE0-4CA6-B53E-44812FB44DF0}" srcId="{CFA2FF16-96D4-4C13-8704-44F8EF707D6C}" destId="{E5E69566-ADCC-421D-B8D8-D18EE405EFC6}" srcOrd="2" destOrd="0" parTransId="{3EA93AE0-C86B-452C-90C4-AB49A871EBAB}" sibTransId="{6B8F72B0-6850-4BFC-8AC2-BF5AAB468A74}"/>
    <dgm:cxn modelId="{6B2A9ABA-D2CD-45D3-B2D3-B8F60BD6D2BE}" srcId="{CFA2FF16-96D4-4C13-8704-44F8EF707D6C}" destId="{091E8ABD-FC8E-42F7-A579-389E629A6A40}" srcOrd="0" destOrd="0" parTransId="{8C919A70-792A-43E2-B47D-99A7C0020243}" sibTransId="{B316F2F2-9FB6-4A06-BAA8-19466331B86B}"/>
    <dgm:cxn modelId="{183CE8CC-8051-4ADF-B387-BA76B2E8F898}" type="presOf" srcId="{083B951C-C293-4AF9-A843-8A6C69B5B507}" destId="{7DC1066C-5050-4244-B112-A5702C6EAE4F}" srcOrd="0" destOrd="0" presId="urn:microsoft.com/office/officeart/2005/8/layout/hierarchy3"/>
    <dgm:cxn modelId="{7DC52CCE-B4B5-4381-B06D-79A6D15B6C27}" type="presOf" srcId="{091E8ABD-FC8E-42F7-A579-389E629A6A40}" destId="{11115A35-0432-4810-B58B-A585F34C94DC}" srcOrd="0" destOrd="0" presId="urn:microsoft.com/office/officeart/2005/8/layout/hierarchy3"/>
    <dgm:cxn modelId="{81A400D0-861B-43EB-8D98-6362DD757F51}" srcId="{CFA2FF16-96D4-4C13-8704-44F8EF707D6C}" destId="{02284199-7AD2-4D0C-B8E2-C2B8A70659A7}" srcOrd="4" destOrd="0" parTransId="{6DB69511-28E3-4CDA-B60D-C71632DCB150}" sibTransId="{9636BC11-AF14-4D89-82D0-6B99967B16F9}"/>
    <dgm:cxn modelId="{33553DD3-8E33-4C6A-B77A-3BE33681ECE5}" srcId="{B8BA3FAA-AC8A-47C0-A713-4605C3FFCD51}" destId="{42A79159-EBC6-4942-871C-8FB83EB9F96C}" srcOrd="0" destOrd="0" parTransId="{DA9F2FFA-08F4-44B5-808B-64A7DBA1CAB5}" sibTransId="{996B19A6-6167-4174-9A93-44E11C2191ED}"/>
    <dgm:cxn modelId="{0A4B92D3-D71A-4E99-A547-8C76E34750C0}" srcId="{CFA2FF16-96D4-4C13-8704-44F8EF707D6C}" destId="{0D9B86FA-01FB-47BA-A6C5-1A2367E7381C}" srcOrd="3" destOrd="0" parTransId="{5F3AE932-9195-42D5-8F8E-7B0C92C1DEF1}" sibTransId="{9DA6FC75-EE61-4725-93C5-1F0250C3503B}"/>
    <dgm:cxn modelId="{C340C6D4-1EA7-42C6-A798-6F69FF4974DB}" srcId="{42A79159-EBC6-4942-871C-8FB83EB9F96C}" destId="{69DB7712-D289-409F-8BA0-C7E3C6AA0CD6}" srcOrd="4" destOrd="0" parTransId="{EB73594A-82D3-4039-B8ED-4C91ECDDDF42}" sibTransId="{F3B79654-6310-444F-BB47-8FFFC830EFF7}"/>
    <dgm:cxn modelId="{48E062DA-EF13-4E7F-8CC8-94073569B82F}" type="presOf" srcId="{5F3AE932-9195-42D5-8F8E-7B0C92C1DEF1}" destId="{BAEEDCBE-E06C-4CB8-8902-E4B899A4F47E}" srcOrd="0" destOrd="0" presId="urn:microsoft.com/office/officeart/2005/8/layout/hierarchy3"/>
    <dgm:cxn modelId="{B8C62EE3-BE54-4BFC-89BA-355C2CB2AD6C}" type="presOf" srcId="{A23D1E61-A11C-4008-A2BB-ED0CFB3577E1}" destId="{B9138825-26AF-494E-99E8-964830E0B21C}" srcOrd="0" destOrd="0" presId="urn:microsoft.com/office/officeart/2005/8/layout/hierarchy3"/>
    <dgm:cxn modelId="{7C5719F2-BBCB-44F3-AB03-182BEB091AB6}" type="presOf" srcId="{02284199-7AD2-4D0C-B8E2-C2B8A70659A7}" destId="{B53FEAD5-9149-4642-ADB8-A7E7F45DCE35}" srcOrd="0" destOrd="0" presId="urn:microsoft.com/office/officeart/2005/8/layout/hierarchy3"/>
    <dgm:cxn modelId="{CF993BF8-E12D-4A9B-9F85-3A44FF656F35}" type="presOf" srcId="{6DB69511-28E3-4CDA-B60D-C71632DCB150}" destId="{A999C9CE-4819-4F1D-A9D1-A26BBA828984}" srcOrd="0" destOrd="0" presId="urn:microsoft.com/office/officeart/2005/8/layout/hierarchy3"/>
    <dgm:cxn modelId="{3CF095FD-BAAE-4EC0-A7AF-E75FBEC3ECBE}" type="presOf" srcId="{E5E69566-ADCC-421D-B8D8-D18EE405EFC6}" destId="{892AF4EC-123C-4402-9DF1-466E8D2D49F9}" srcOrd="0" destOrd="0" presId="urn:microsoft.com/office/officeart/2005/8/layout/hierarchy3"/>
    <dgm:cxn modelId="{20E4868B-4EE8-4273-94B1-AD4828FE2DFC}" type="presParOf" srcId="{8207AC9E-C5A7-4A92-9162-F81691D87F96}" destId="{2C78FFFF-9B28-4584-80EC-4ADE2A647465}" srcOrd="0" destOrd="0" presId="urn:microsoft.com/office/officeart/2005/8/layout/hierarchy3"/>
    <dgm:cxn modelId="{D0A99E49-1C76-41D7-9C9E-35D86784D19D}" type="presParOf" srcId="{2C78FFFF-9B28-4584-80EC-4ADE2A647465}" destId="{8DA0F165-4A89-4348-8912-604401F47BFE}" srcOrd="0" destOrd="0" presId="urn:microsoft.com/office/officeart/2005/8/layout/hierarchy3"/>
    <dgm:cxn modelId="{1CC4013F-868B-4A2A-AA4C-B85FA7846970}" type="presParOf" srcId="{8DA0F165-4A89-4348-8912-604401F47BFE}" destId="{2DF15C72-93B2-44A4-93AD-D136E0526E8E}" srcOrd="0" destOrd="0" presId="urn:microsoft.com/office/officeart/2005/8/layout/hierarchy3"/>
    <dgm:cxn modelId="{F4FEDFA0-3441-45C0-B908-5E3DCB9A4703}" type="presParOf" srcId="{8DA0F165-4A89-4348-8912-604401F47BFE}" destId="{CD351CE8-4387-4A46-BF54-65E2C5DEF9C4}" srcOrd="1" destOrd="0" presId="urn:microsoft.com/office/officeart/2005/8/layout/hierarchy3"/>
    <dgm:cxn modelId="{9E0307E4-1EEF-429D-BF97-123768414F8E}" type="presParOf" srcId="{2C78FFFF-9B28-4584-80EC-4ADE2A647465}" destId="{9B621D0A-4BA1-4A1F-8166-09AAE8D1A4F3}" srcOrd="1" destOrd="0" presId="urn:microsoft.com/office/officeart/2005/8/layout/hierarchy3"/>
    <dgm:cxn modelId="{C83EC2DF-18E5-494B-8CB3-B6AE4C1750E3}" type="presParOf" srcId="{9B621D0A-4BA1-4A1F-8166-09AAE8D1A4F3}" destId="{B9138825-26AF-494E-99E8-964830E0B21C}" srcOrd="0" destOrd="0" presId="urn:microsoft.com/office/officeart/2005/8/layout/hierarchy3"/>
    <dgm:cxn modelId="{96DF1DCD-5D19-4C00-ACB4-8FA7124C017F}" type="presParOf" srcId="{9B621D0A-4BA1-4A1F-8166-09AAE8D1A4F3}" destId="{3A9FFF2E-6B88-41A3-8371-D8404259E177}" srcOrd="1" destOrd="0" presId="urn:microsoft.com/office/officeart/2005/8/layout/hierarchy3"/>
    <dgm:cxn modelId="{C40C4ECF-2846-4304-B815-9C006C90C337}" type="presParOf" srcId="{9B621D0A-4BA1-4A1F-8166-09AAE8D1A4F3}" destId="{61C0AC90-C9A8-40FB-8D91-A8C1E9EF94BB}" srcOrd="2" destOrd="0" presId="urn:microsoft.com/office/officeart/2005/8/layout/hierarchy3"/>
    <dgm:cxn modelId="{686F30E7-722E-4938-98FD-89DAEA36A94A}" type="presParOf" srcId="{9B621D0A-4BA1-4A1F-8166-09AAE8D1A4F3}" destId="{B86E4FD6-D5BE-4AEE-824F-5D9DE26A5D09}" srcOrd="3" destOrd="0" presId="urn:microsoft.com/office/officeart/2005/8/layout/hierarchy3"/>
    <dgm:cxn modelId="{E5CA78D2-2D8E-4954-AEF4-AEC288793691}" type="presParOf" srcId="{9B621D0A-4BA1-4A1F-8166-09AAE8D1A4F3}" destId="{8864B89F-D90F-4FD9-B03E-9083EC6B85C4}" srcOrd="4" destOrd="0" presId="urn:microsoft.com/office/officeart/2005/8/layout/hierarchy3"/>
    <dgm:cxn modelId="{88465ED0-4463-414E-962D-7E72931ECDBB}" type="presParOf" srcId="{9B621D0A-4BA1-4A1F-8166-09AAE8D1A4F3}" destId="{E8CE5F8D-C342-44B8-AA85-FD45EE0608B7}" srcOrd="5" destOrd="0" presId="urn:microsoft.com/office/officeart/2005/8/layout/hierarchy3"/>
    <dgm:cxn modelId="{6C094BF2-F361-499D-BFB2-81E95E4630E6}" type="presParOf" srcId="{9B621D0A-4BA1-4A1F-8166-09AAE8D1A4F3}" destId="{D445493C-8C24-4180-81D3-4158D8DB32B4}" srcOrd="6" destOrd="0" presId="urn:microsoft.com/office/officeart/2005/8/layout/hierarchy3"/>
    <dgm:cxn modelId="{84243B4B-4137-4061-8A51-C2892A23B3DD}" type="presParOf" srcId="{9B621D0A-4BA1-4A1F-8166-09AAE8D1A4F3}" destId="{7DC1066C-5050-4244-B112-A5702C6EAE4F}" srcOrd="7" destOrd="0" presId="urn:microsoft.com/office/officeart/2005/8/layout/hierarchy3"/>
    <dgm:cxn modelId="{A3214FF3-47F3-4BF5-980E-274AC5F4F152}" type="presParOf" srcId="{9B621D0A-4BA1-4A1F-8166-09AAE8D1A4F3}" destId="{4ADB65EB-6E70-4297-96C2-1B01F00E1E15}" srcOrd="8" destOrd="0" presId="urn:microsoft.com/office/officeart/2005/8/layout/hierarchy3"/>
    <dgm:cxn modelId="{68A14C86-AB42-4F62-A343-533FBE6847C0}" type="presParOf" srcId="{9B621D0A-4BA1-4A1F-8166-09AAE8D1A4F3}" destId="{71200F3B-DB0F-4477-A15A-679E05085F25}" srcOrd="9" destOrd="0" presId="urn:microsoft.com/office/officeart/2005/8/layout/hierarchy3"/>
    <dgm:cxn modelId="{B2D023B4-365E-4901-8CA3-5D2468A7670D}" type="presParOf" srcId="{9B621D0A-4BA1-4A1F-8166-09AAE8D1A4F3}" destId="{02FBE7BF-A3C1-4C2A-8632-E4F7B5B3FBAC}" srcOrd="10" destOrd="0" presId="urn:microsoft.com/office/officeart/2005/8/layout/hierarchy3"/>
    <dgm:cxn modelId="{CCFC998F-B48D-46F2-9604-4B29D077ECAA}" type="presParOf" srcId="{9B621D0A-4BA1-4A1F-8166-09AAE8D1A4F3}" destId="{ED7478F3-A5ED-4D77-A4B7-9AFD406EF1E6}" srcOrd="11" destOrd="0" presId="urn:microsoft.com/office/officeart/2005/8/layout/hierarchy3"/>
    <dgm:cxn modelId="{B862AD5E-B7EF-4C95-BEB3-A638D05B708F}" type="presParOf" srcId="{8207AC9E-C5A7-4A92-9162-F81691D87F96}" destId="{C4062D3C-02BD-406A-946C-A7F9C578062E}" srcOrd="1" destOrd="0" presId="urn:microsoft.com/office/officeart/2005/8/layout/hierarchy3"/>
    <dgm:cxn modelId="{E487BA6B-926B-44A3-9C02-D85072A115DA}" type="presParOf" srcId="{C4062D3C-02BD-406A-946C-A7F9C578062E}" destId="{6FB2113A-18F8-4F9B-B1D6-9F2BF2D07718}" srcOrd="0" destOrd="0" presId="urn:microsoft.com/office/officeart/2005/8/layout/hierarchy3"/>
    <dgm:cxn modelId="{D6A29719-C0FA-457B-98C1-A1F14DD87C3F}" type="presParOf" srcId="{6FB2113A-18F8-4F9B-B1D6-9F2BF2D07718}" destId="{F3B2D03E-B7FA-4A0C-AD02-49ADEFD31E23}" srcOrd="0" destOrd="0" presId="urn:microsoft.com/office/officeart/2005/8/layout/hierarchy3"/>
    <dgm:cxn modelId="{B2B18D7A-4815-42D9-A6E6-94E6F2DE25D6}" type="presParOf" srcId="{6FB2113A-18F8-4F9B-B1D6-9F2BF2D07718}" destId="{29136D54-AAEC-4E1A-B83A-4197EFD77B5E}" srcOrd="1" destOrd="0" presId="urn:microsoft.com/office/officeart/2005/8/layout/hierarchy3"/>
    <dgm:cxn modelId="{7C89B681-6F3D-45D3-BF16-9C171728EAC0}" type="presParOf" srcId="{C4062D3C-02BD-406A-946C-A7F9C578062E}" destId="{B12B577D-6A3A-4D70-8424-4F5F47B211E0}" srcOrd="1" destOrd="0" presId="urn:microsoft.com/office/officeart/2005/8/layout/hierarchy3"/>
    <dgm:cxn modelId="{8958F621-821A-425B-83DD-AD5ACB55C144}" type="presParOf" srcId="{B12B577D-6A3A-4D70-8424-4F5F47B211E0}" destId="{91500BA8-1733-4B32-8166-2B0C9C73A8A9}" srcOrd="0" destOrd="0" presId="urn:microsoft.com/office/officeart/2005/8/layout/hierarchy3"/>
    <dgm:cxn modelId="{226A40E0-C76E-4C80-A24F-7F6E3176EEE5}" type="presParOf" srcId="{B12B577D-6A3A-4D70-8424-4F5F47B211E0}" destId="{11115A35-0432-4810-B58B-A585F34C94DC}" srcOrd="1" destOrd="0" presId="urn:microsoft.com/office/officeart/2005/8/layout/hierarchy3"/>
    <dgm:cxn modelId="{11AD4C5D-39F8-4DC8-A62D-0F1AA8CAB59B}" type="presParOf" srcId="{B12B577D-6A3A-4D70-8424-4F5F47B211E0}" destId="{1D4E4B9A-C0DF-4087-A707-9B8E3434B631}" srcOrd="2" destOrd="0" presId="urn:microsoft.com/office/officeart/2005/8/layout/hierarchy3"/>
    <dgm:cxn modelId="{0D65A15A-D50B-4E03-BE90-3B57766CC381}" type="presParOf" srcId="{B12B577D-6A3A-4D70-8424-4F5F47B211E0}" destId="{BF8EE779-EE24-4B64-93FA-13CA6CF24E11}" srcOrd="3" destOrd="0" presId="urn:microsoft.com/office/officeart/2005/8/layout/hierarchy3"/>
    <dgm:cxn modelId="{8059E5B7-78CB-4351-9F0C-42A39195B471}" type="presParOf" srcId="{B12B577D-6A3A-4D70-8424-4F5F47B211E0}" destId="{86FB3597-3235-41A8-8108-A58BACA9DFBF}" srcOrd="4" destOrd="0" presId="urn:microsoft.com/office/officeart/2005/8/layout/hierarchy3"/>
    <dgm:cxn modelId="{6204F56B-B3B5-4E27-8F42-50F71770A287}" type="presParOf" srcId="{B12B577D-6A3A-4D70-8424-4F5F47B211E0}" destId="{892AF4EC-123C-4402-9DF1-466E8D2D49F9}" srcOrd="5" destOrd="0" presId="urn:microsoft.com/office/officeart/2005/8/layout/hierarchy3"/>
    <dgm:cxn modelId="{52F80CFC-75A4-483D-B068-E820DB420DAB}" type="presParOf" srcId="{B12B577D-6A3A-4D70-8424-4F5F47B211E0}" destId="{BAEEDCBE-E06C-4CB8-8902-E4B899A4F47E}" srcOrd="6" destOrd="0" presId="urn:microsoft.com/office/officeart/2005/8/layout/hierarchy3"/>
    <dgm:cxn modelId="{C58C9DF8-570C-4090-AFB5-1FBDBD760717}" type="presParOf" srcId="{B12B577D-6A3A-4D70-8424-4F5F47B211E0}" destId="{9634F2CF-200C-4CAC-B61F-60B71C318BA0}" srcOrd="7" destOrd="0" presId="urn:microsoft.com/office/officeart/2005/8/layout/hierarchy3"/>
    <dgm:cxn modelId="{A69FAACF-9222-42A8-B25C-AF18FD9048F2}" type="presParOf" srcId="{B12B577D-6A3A-4D70-8424-4F5F47B211E0}" destId="{A999C9CE-4819-4F1D-A9D1-A26BBA828984}" srcOrd="8" destOrd="0" presId="urn:microsoft.com/office/officeart/2005/8/layout/hierarchy3"/>
    <dgm:cxn modelId="{929E6F61-1319-4257-BB64-DC71E0EFC53D}" type="presParOf" srcId="{B12B577D-6A3A-4D70-8424-4F5F47B211E0}" destId="{B53FEAD5-9149-4642-ADB8-A7E7F45DCE35}" srcOrd="9" destOrd="0" presId="urn:microsoft.com/office/officeart/2005/8/layout/hierarchy3"/>
  </dgm:cxnLst>
  <dgm:bg>
    <a:solidFill>
      <a:schemeClr val="bg1"/>
    </a:solidFill>
  </dgm:bg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8.xml><?xml version="1.0" encoding="utf-8"?>
<dgm:dataModel xmlns:dgm="http://schemas.openxmlformats.org/drawingml/2006/diagram" xmlns:a="http://schemas.openxmlformats.org/drawingml/2006/main">
  <dgm:ptLst>
    <dgm:pt modelId="{835E5C30-5D2B-49A1-A1AD-8D1D304E1276}" type="doc">
      <dgm:prSet loTypeId="urn:microsoft.com/office/officeart/2005/8/layout/default" loCatId="list" qsTypeId="urn:microsoft.com/office/officeart/2005/8/quickstyle/simple1" qsCatId="simple" csTypeId="urn:microsoft.com/office/officeart/2005/8/colors/accent1_2" csCatId="accent1" phldr="1"/>
      <dgm:spPr/>
    </dgm:pt>
    <dgm:pt modelId="{905212CE-61AC-4FB2-8E5D-11685007A9C7}">
      <dgm:prSet phldrT="[Текст]"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Форма «Добавить событие».</a:t>
          </a:r>
        </a:p>
      </dgm:t>
    </dgm:pt>
    <dgm:pt modelId="{9B712BDD-A6BE-4232-91EC-578C0B3B2A1D}" type="parTrans" cxnId="{07F5A073-4A1B-42A6-BA5E-B89DE038FE1A}">
      <dgm:prSet/>
      <dgm:spPr/>
      <dgm:t>
        <a:bodyPr/>
        <a:lstStyle/>
        <a:p>
          <a:endParaRPr lang="ru-RU"/>
        </a:p>
      </dgm:t>
    </dgm:pt>
    <dgm:pt modelId="{468F2699-765D-4F5F-B8FD-FC4813016701}" type="sibTrans" cxnId="{07F5A073-4A1B-42A6-BA5E-B89DE038FE1A}">
      <dgm:prSet/>
      <dgm:spPr/>
      <dgm:t>
        <a:bodyPr/>
        <a:lstStyle/>
        <a:p>
          <a:endParaRPr lang="ru-RU"/>
        </a:p>
      </dgm:t>
    </dgm:pt>
    <dgm:pt modelId="{602CCF91-6225-4078-91BD-70956A080FD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смотреть расписание (список событий/календарь).</a:t>
          </a:r>
        </a:p>
      </dgm:t>
    </dgm:pt>
    <dgm:pt modelId="{9BC2E802-AFAB-424C-9151-6DEFFE51FE7C}" type="parTrans" cxnId="{314F544A-3E52-4747-A496-53843B62C9A9}">
      <dgm:prSet/>
      <dgm:spPr/>
      <dgm:t>
        <a:bodyPr/>
        <a:lstStyle/>
        <a:p>
          <a:endParaRPr lang="ru-RU"/>
        </a:p>
      </dgm:t>
    </dgm:pt>
    <dgm:pt modelId="{640881A7-40EB-46ED-9931-FBEF8B0C88E0}" type="sibTrans" cxnId="{314F544A-3E52-4747-A496-53843B62C9A9}">
      <dgm:prSet/>
      <dgm:spPr/>
      <dgm:t>
        <a:bodyPr/>
        <a:lstStyle/>
        <a:p>
          <a:endParaRPr lang="ru-RU"/>
        </a:p>
      </dgm:t>
    </dgm:pt>
    <dgm:pt modelId="{72C500D1-50C5-4881-93A8-B96FE808934F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определенное событие.</a:t>
          </a:r>
        </a:p>
      </dgm:t>
    </dgm:pt>
    <dgm:pt modelId="{4B49EDDA-D700-4065-B06C-8B5A3D1F19E1}" type="parTrans" cxnId="{B67D909E-6613-450F-9745-CC57A2A1F176}">
      <dgm:prSet/>
      <dgm:spPr/>
      <dgm:t>
        <a:bodyPr/>
        <a:lstStyle/>
        <a:p>
          <a:endParaRPr lang="ru-RU"/>
        </a:p>
      </dgm:t>
    </dgm:pt>
    <dgm:pt modelId="{34EECAE3-A6A2-4BB3-BF63-C3342DF6891E}" type="sibTrans" cxnId="{B67D909E-6613-450F-9745-CC57A2A1F176}">
      <dgm:prSet/>
      <dgm:spPr/>
      <dgm:t>
        <a:bodyPr/>
        <a:lstStyle/>
        <a:p>
          <a:endParaRPr lang="ru-RU"/>
        </a:p>
      </dgm:t>
    </dgm:pt>
    <dgm:pt modelId="{2A65ACC9-68F0-443B-ABF1-3ACE4DB2DF9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учебные материалы.</a:t>
          </a:r>
        </a:p>
      </dgm:t>
    </dgm:pt>
    <dgm:pt modelId="{3078E89E-50AA-4237-B1D5-CFCB471DA1D1}" type="parTrans" cxnId="{DAAD34B5-3899-4F56-B19C-D3D94A6E3A4E}">
      <dgm:prSet/>
      <dgm:spPr/>
      <dgm:t>
        <a:bodyPr/>
        <a:lstStyle/>
        <a:p>
          <a:endParaRPr lang="ru-RU"/>
        </a:p>
      </dgm:t>
    </dgm:pt>
    <dgm:pt modelId="{36F7E182-31E7-4D54-9844-F8E71673B07E}" type="sibTrans" cxnId="{DAAD34B5-3899-4F56-B19C-D3D94A6E3A4E}">
      <dgm:prSet/>
      <dgm:spPr/>
      <dgm:t>
        <a:bodyPr/>
        <a:lstStyle/>
        <a:p>
          <a:endParaRPr lang="ru-RU"/>
        </a:p>
      </dgm:t>
    </dgm:pt>
    <dgm:pt modelId="{533B3EF8-4939-491D-BCBC-6B6D02C4EA2D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пользователей и их деятельность.</a:t>
          </a:r>
        </a:p>
      </dgm:t>
    </dgm:pt>
    <dgm:pt modelId="{C1F3B58B-A6EB-44BA-A086-9BB1152BAB5A}" type="parTrans" cxnId="{4776CA5F-7857-4E94-B121-C913148AC386}">
      <dgm:prSet/>
      <dgm:spPr/>
      <dgm:t>
        <a:bodyPr/>
        <a:lstStyle/>
        <a:p>
          <a:endParaRPr lang="ru-RU"/>
        </a:p>
      </dgm:t>
    </dgm:pt>
    <dgm:pt modelId="{69595DBD-77ED-49F8-857B-23E399C4B9FD}" type="sibTrans" cxnId="{4776CA5F-7857-4E94-B121-C913148AC386}">
      <dgm:prSet/>
      <dgm:spPr/>
      <dgm:t>
        <a:bodyPr/>
        <a:lstStyle/>
        <a:p>
          <a:endParaRPr lang="ru-RU"/>
        </a:p>
      </dgm:t>
    </dgm:pt>
    <dgm:pt modelId="{D3626110-6130-4102-A9FA-C94D89A9186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правила пользования веб-ресурсом.</a:t>
          </a:r>
        </a:p>
      </dgm:t>
    </dgm:pt>
    <dgm:pt modelId="{BFFAB562-C08E-4C5A-902B-76336BAF152A}" type="parTrans" cxnId="{ED9328C7-C488-4643-AE32-A1CB4B445625}">
      <dgm:prSet/>
      <dgm:spPr/>
      <dgm:t>
        <a:bodyPr/>
        <a:lstStyle/>
        <a:p>
          <a:endParaRPr lang="ru-RU"/>
        </a:p>
      </dgm:t>
    </dgm:pt>
    <dgm:pt modelId="{27CDF86F-980A-44A6-82C4-773B99CACCE3}" type="sibTrans" cxnId="{ED9328C7-C488-4643-AE32-A1CB4B445625}">
      <dgm:prSet/>
      <dgm:spPr/>
      <dgm:t>
        <a:bodyPr/>
        <a:lstStyle/>
        <a:p>
          <a:endParaRPr lang="ru-RU"/>
        </a:p>
      </dgm:t>
    </dgm:pt>
    <dgm:pt modelId="{6FC3A3B4-0B7E-4863-99DB-229AD97512DC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обратной связи.</a:t>
          </a:r>
        </a:p>
      </dgm:t>
    </dgm:pt>
    <dgm:pt modelId="{94FE07F4-6DD3-4E13-AC3C-4718AD0F0E26}" type="parTrans" cxnId="{59FE5758-197E-424D-A31F-47337D433640}">
      <dgm:prSet/>
      <dgm:spPr/>
      <dgm:t>
        <a:bodyPr/>
        <a:lstStyle/>
        <a:p>
          <a:endParaRPr lang="ru-RU"/>
        </a:p>
      </dgm:t>
    </dgm:pt>
    <dgm:pt modelId="{ED4FD0E6-9F26-43EC-82E1-C10B0994694F}" type="sibTrans" cxnId="{59FE5758-197E-424D-A31F-47337D433640}">
      <dgm:prSet/>
      <dgm:spPr/>
      <dgm:t>
        <a:bodyPr/>
        <a:lstStyle/>
        <a:p>
          <a:endParaRPr lang="ru-RU"/>
        </a:p>
      </dgm:t>
    </dgm:pt>
    <dgm:pt modelId="{34C17F1D-91AF-444C-B5EC-BAFFF93DA990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и отредактировать личную информацию.</a:t>
          </a:r>
        </a:p>
      </dgm:t>
    </dgm:pt>
    <dgm:pt modelId="{5B3A89A3-24CD-4008-8206-56E050BEDA88}" type="parTrans" cxnId="{BB894EFA-9E8D-4E92-A2A1-EACF58ACED5F}">
      <dgm:prSet/>
      <dgm:spPr/>
      <dgm:t>
        <a:bodyPr/>
        <a:lstStyle/>
        <a:p>
          <a:endParaRPr lang="ru-RU"/>
        </a:p>
      </dgm:t>
    </dgm:pt>
    <dgm:pt modelId="{15F04C49-EFA8-4805-A423-32956B706682}" type="sibTrans" cxnId="{BB894EFA-9E8D-4E92-A2A1-EACF58ACED5F}">
      <dgm:prSet/>
      <dgm:spPr/>
      <dgm:t>
        <a:bodyPr/>
        <a:lstStyle/>
        <a:p>
          <a:endParaRPr lang="ru-RU"/>
        </a:p>
      </dgm:t>
    </dgm:pt>
    <dgm:pt modelId="{14D7F324-23C0-4899-AF4B-5A187A0998F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Входа.</a:t>
          </a:r>
        </a:p>
      </dgm:t>
    </dgm:pt>
    <dgm:pt modelId="{B59A3CE6-276B-4223-BC03-6DF6FAE68217}" type="parTrans" cxnId="{7B163C33-94CF-4B85-89E4-02B6736A77F9}">
      <dgm:prSet/>
      <dgm:spPr/>
      <dgm:t>
        <a:bodyPr/>
        <a:lstStyle/>
        <a:p>
          <a:endParaRPr lang="ru-RU"/>
        </a:p>
      </dgm:t>
    </dgm:pt>
    <dgm:pt modelId="{ECF81B93-4D39-43D5-AF35-E783721921C9}" type="sibTrans" cxnId="{7B163C33-94CF-4B85-89E4-02B6736A77F9}">
      <dgm:prSet/>
      <dgm:spPr/>
      <dgm:t>
        <a:bodyPr/>
        <a:lstStyle/>
        <a:p>
          <a:endParaRPr lang="ru-RU"/>
        </a:p>
      </dgm:t>
    </dgm:pt>
    <dgm:pt modelId="{561AE2D9-E5AF-4879-AA4C-D6F5B5FA1DDB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имеющиеся тесты в системе.</a:t>
          </a:r>
        </a:p>
      </dgm:t>
    </dgm:pt>
    <dgm:pt modelId="{0D4AE7F4-B54F-44C4-AAB1-C75E954E1303}" type="parTrans" cxnId="{63FE104A-CDE4-43A9-A2B7-3D16746E49EE}">
      <dgm:prSet/>
      <dgm:spPr/>
      <dgm:t>
        <a:bodyPr/>
        <a:lstStyle/>
        <a:p>
          <a:endParaRPr lang="ru-RU"/>
        </a:p>
      </dgm:t>
    </dgm:pt>
    <dgm:pt modelId="{52DB5C0A-3F61-492A-AEF0-2EBA6DC754B6}" type="sibTrans" cxnId="{63FE104A-CDE4-43A9-A2B7-3D16746E49EE}">
      <dgm:prSet/>
      <dgm:spPr/>
      <dgm:t>
        <a:bodyPr/>
        <a:lstStyle/>
        <a:p>
          <a:endParaRPr lang="ru-RU"/>
        </a:p>
      </dgm:t>
    </dgm:pt>
    <dgm:pt modelId="{852B6326-4F0C-460D-8C19-3356FB7BC3F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Регистрации.</a:t>
          </a:r>
        </a:p>
      </dgm:t>
    </dgm:pt>
    <dgm:pt modelId="{A5562B06-62F5-428A-B8B1-D533C6B0F6AA}" type="parTrans" cxnId="{43363A44-92CE-431D-8498-99E9D8D6A0EC}">
      <dgm:prSet/>
      <dgm:spPr/>
      <dgm:t>
        <a:bodyPr/>
        <a:lstStyle/>
        <a:p>
          <a:endParaRPr lang="ru-RU"/>
        </a:p>
      </dgm:t>
    </dgm:pt>
    <dgm:pt modelId="{F53D709F-8526-4D0E-919C-93F15FB2C82D}" type="sibTrans" cxnId="{43363A44-92CE-431D-8498-99E9D8D6A0EC}">
      <dgm:prSet/>
      <dgm:spPr/>
      <dgm:t>
        <a:bodyPr/>
        <a:lstStyle/>
        <a:p>
          <a:endParaRPr lang="ru-RU"/>
        </a:p>
      </dgm:t>
    </dgm:pt>
    <dgm:pt modelId="{94571551-274A-4A55-BEBD-0AA6BAA13B4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йти тест.</a:t>
          </a:r>
        </a:p>
      </dgm:t>
    </dgm:pt>
    <dgm:pt modelId="{AC24BF7C-2E79-4D1B-B99F-003D3A330241}" type="parTrans" cxnId="{285AADA6-D39B-4FAB-BC4C-A2CB994BE582}">
      <dgm:prSet/>
      <dgm:spPr/>
      <dgm:t>
        <a:bodyPr/>
        <a:lstStyle/>
        <a:p>
          <a:endParaRPr lang="ru-RU"/>
        </a:p>
      </dgm:t>
    </dgm:pt>
    <dgm:pt modelId="{461A91A8-97CF-446B-BECA-412CFF7D9577}" type="sibTrans" cxnId="{285AADA6-D39B-4FAB-BC4C-A2CB994BE582}">
      <dgm:prSet/>
      <dgm:spPr/>
      <dgm:t>
        <a:bodyPr/>
        <a:lstStyle/>
        <a:p>
          <a:endParaRPr lang="ru-RU"/>
        </a:p>
      </dgm:t>
    </dgm:pt>
    <dgm:pt modelId="{4F95E1B7-3AC2-47C7-AFAE-7C503BE009E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результаты теста.</a:t>
          </a:r>
        </a:p>
      </dgm:t>
    </dgm:pt>
    <dgm:pt modelId="{A0872659-16D4-4CDE-9553-AF28DB21DA21}" type="parTrans" cxnId="{99CBAB82-ADCF-4625-A646-1CA0BB837040}">
      <dgm:prSet/>
      <dgm:spPr/>
      <dgm:t>
        <a:bodyPr/>
        <a:lstStyle/>
        <a:p>
          <a:endParaRPr lang="ru-RU"/>
        </a:p>
      </dgm:t>
    </dgm:pt>
    <dgm:pt modelId="{C1526A55-7203-4479-A4E7-630CA412B827}" type="sibTrans" cxnId="{99CBAB82-ADCF-4625-A646-1CA0BB837040}">
      <dgm:prSet/>
      <dgm:spPr/>
      <dgm:t>
        <a:bodyPr/>
        <a:lstStyle/>
        <a:p>
          <a:endParaRPr lang="ru-RU"/>
        </a:p>
      </dgm:t>
    </dgm:pt>
    <dgm:pt modelId="{194A68EE-8CCA-4773-9CE5-D098E3928043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Выгрузка отчета.</a:t>
          </a:r>
        </a:p>
      </dgm:t>
    </dgm:pt>
    <dgm:pt modelId="{77ADC826-DCD9-4916-B395-401FD0904416}" type="parTrans" cxnId="{638E2570-667F-49DD-B3AC-22964F407927}">
      <dgm:prSet/>
      <dgm:spPr/>
      <dgm:t>
        <a:bodyPr/>
        <a:lstStyle/>
        <a:p>
          <a:endParaRPr lang="ru-RU"/>
        </a:p>
      </dgm:t>
    </dgm:pt>
    <dgm:pt modelId="{25E33574-7282-4127-972C-568BFAD1B0A1}" type="sibTrans" cxnId="{638E2570-667F-49DD-B3AC-22964F407927}">
      <dgm:prSet/>
      <dgm:spPr/>
      <dgm:t>
        <a:bodyPr/>
        <a:lstStyle/>
        <a:p>
          <a:endParaRPr lang="ru-RU"/>
        </a:p>
      </dgm:t>
    </dgm:pt>
    <dgm:pt modelId="{2E6D012B-82D9-406C-8D91-0D32CD7DBB3E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иск по странице.</a:t>
          </a:r>
        </a:p>
      </dgm:t>
    </dgm:pt>
    <dgm:pt modelId="{C76A6BA2-1191-4CE2-B9A4-64AB4AA71974}" type="parTrans" cxnId="{42BE0C45-9B66-40B9-AA11-0C68599CE449}">
      <dgm:prSet/>
      <dgm:spPr/>
      <dgm:t>
        <a:bodyPr/>
        <a:lstStyle/>
        <a:p>
          <a:endParaRPr lang="ru-RU"/>
        </a:p>
      </dgm:t>
    </dgm:pt>
    <dgm:pt modelId="{1D7A85D3-3ADF-4D39-8D96-2AC7183AA051}" type="sibTrans" cxnId="{42BE0C45-9B66-40B9-AA11-0C68599CE449}">
      <dgm:prSet/>
      <dgm:spPr/>
      <dgm:t>
        <a:bodyPr/>
        <a:lstStyle/>
        <a:p>
          <a:endParaRPr lang="ru-RU"/>
        </a:p>
      </dgm:t>
    </dgm:pt>
    <dgm:pt modelId="{3251C080-C23D-4EDB-A65D-85C121C3BB15}" type="pres">
      <dgm:prSet presAssocID="{835E5C30-5D2B-49A1-A1AD-8D1D304E1276}" presName="diagram" presStyleCnt="0">
        <dgm:presLayoutVars>
          <dgm:dir/>
          <dgm:resizeHandles val="exact"/>
        </dgm:presLayoutVars>
      </dgm:prSet>
      <dgm:spPr/>
    </dgm:pt>
    <dgm:pt modelId="{6249DB80-2D20-4A15-8007-45F507E7A71B}" type="pres">
      <dgm:prSet presAssocID="{905212CE-61AC-4FB2-8E5D-11685007A9C7}" presName="node" presStyleLbl="node1" presStyleIdx="0" presStyleCnt="15">
        <dgm:presLayoutVars>
          <dgm:bulletEnabled val="1"/>
        </dgm:presLayoutVars>
      </dgm:prSet>
      <dgm:spPr/>
    </dgm:pt>
    <dgm:pt modelId="{49A02F09-9BD9-4705-85B8-0F7A5809DE00}" type="pres">
      <dgm:prSet presAssocID="{468F2699-765D-4F5F-B8FD-FC4813016701}" presName="sibTrans" presStyleCnt="0"/>
      <dgm:spPr/>
    </dgm:pt>
    <dgm:pt modelId="{041A63F3-EE42-4F34-B3A6-2490D5163CA1}" type="pres">
      <dgm:prSet presAssocID="{602CCF91-6225-4078-91BD-70956A080FD9}" presName="node" presStyleLbl="node1" presStyleIdx="1" presStyleCnt="15">
        <dgm:presLayoutVars>
          <dgm:bulletEnabled val="1"/>
        </dgm:presLayoutVars>
      </dgm:prSet>
      <dgm:spPr/>
    </dgm:pt>
    <dgm:pt modelId="{CF438EDF-3671-4F1B-AF39-AC60DC1C8D91}" type="pres">
      <dgm:prSet presAssocID="{640881A7-40EB-46ED-9931-FBEF8B0C88E0}" presName="sibTrans" presStyleCnt="0"/>
      <dgm:spPr/>
    </dgm:pt>
    <dgm:pt modelId="{DF480031-9796-4E43-8A43-4CFE33FC5958}" type="pres">
      <dgm:prSet presAssocID="{72C500D1-50C5-4881-93A8-B96FE808934F}" presName="node" presStyleLbl="node1" presStyleIdx="2" presStyleCnt="15">
        <dgm:presLayoutVars>
          <dgm:bulletEnabled val="1"/>
        </dgm:presLayoutVars>
      </dgm:prSet>
      <dgm:spPr/>
    </dgm:pt>
    <dgm:pt modelId="{881CEBC6-E56B-4A97-B3CD-455EF8EA2FEC}" type="pres">
      <dgm:prSet presAssocID="{34EECAE3-A6A2-4BB3-BF63-C3342DF6891E}" presName="sibTrans" presStyleCnt="0"/>
      <dgm:spPr/>
    </dgm:pt>
    <dgm:pt modelId="{820AD5AB-6B37-4B68-A7F3-5B5AE2F900D9}" type="pres">
      <dgm:prSet presAssocID="{2A65ACC9-68F0-443B-ABF1-3ACE4DB2DF97}" presName="node" presStyleLbl="node1" presStyleIdx="3" presStyleCnt="15">
        <dgm:presLayoutVars>
          <dgm:bulletEnabled val="1"/>
        </dgm:presLayoutVars>
      </dgm:prSet>
      <dgm:spPr/>
    </dgm:pt>
    <dgm:pt modelId="{92146477-580D-4F6B-9AED-39599AFA4F69}" type="pres">
      <dgm:prSet presAssocID="{36F7E182-31E7-4D54-9844-F8E71673B07E}" presName="sibTrans" presStyleCnt="0"/>
      <dgm:spPr/>
    </dgm:pt>
    <dgm:pt modelId="{370D4D5F-210F-452C-9F08-A389CE60F245}" type="pres">
      <dgm:prSet presAssocID="{533B3EF8-4939-491D-BCBC-6B6D02C4EA2D}" presName="node" presStyleLbl="node1" presStyleIdx="4" presStyleCnt="15">
        <dgm:presLayoutVars>
          <dgm:bulletEnabled val="1"/>
        </dgm:presLayoutVars>
      </dgm:prSet>
      <dgm:spPr/>
    </dgm:pt>
    <dgm:pt modelId="{44281761-92F8-4549-B12F-79314B03C66F}" type="pres">
      <dgm:prSet presAssocID="{69595DBD-77ED-49F8-857B-23E399C4B9FD}" presName="sibTrans" presStyleCnt="0"/>
      <dgm:spPr/>
    </dgm:pt>
    <dgm:pt modelId="{CC4593CE-6F87-4B31-A171-444886C45E45}" type="pres">
      <dgm:prSet presAssocID="{D3626110-6130-4102-A9FA-C94D89A91867}" presName="node" presStyleLbl="node1" presStyleIdx="5" presStyleCnt="15">
        <dgm:presLayoutVars>
          <dgm:bulletEnabled val="1"/>
        </dgm:presLayoutVars>
      </dgm:prSet>
      <dgm:spPr/>
    </dgm:pt>
    <dgm:pt modelId="{51242158-9537-403B-B337-CAC63DA5EE15}" type="pres">
      <dgm:prSet presAssocID="{27CDF86F-980A-44A6-82C4-773B99CACCE3}" presName="sibTrans" presStyleCnt="0"/>
      <dgm:spPr/>
    </dgm:pt>
    <dgm:pt modelId="{E052B1C5-3170-4E9E-B0ED-D195AE646F61}" type="pres">
      <dgm:prSet presAssocID="{6FC3A3B4-0B7E-4863-99DB-229AD97512DC}" presName="node" presStyleLbl="node1" presStyleIdx="6" presStyleCnt="15">
        <dgm:presLayoutVars>
          <dgm:bulletEnabled val="1"/>
        </dgm:presLayoutVars>
      </dgm:prSet>
      <dgm:spPr/>
    </dgm:pt>
    <dgm:pt modelId="{EA2948EF-8030-4204-8D97-D504F8CFDF4A}" type="pres">
      <dgm:prSet presAssocID="{ED4FD0E6-9F26-43EC-82E1-C10B0994694F}" presName="sibTrans" presStyleCnt="0"/>
      <dgm:spPr/>
    </dgm:pt>
    <dgm:pt modelId="{94B10E46-132C-4C82-B7B5-4E7BC5D8AC11}" type="pres">
      <dgm:prSet presAssocID="{34C17F1D-91AF-444C-B5EC-BAFFF93DA990}" presName="node" presStyleLbl="node1" presStyleIdx="7" presStyleCnt="15">
        <dgm:presLayoutVars>
          <dgm:bulletEnabled val="1"/>
        </dgm:presLayoutVars>
      </dgm:prSet>
      <dgm:spPr/>
    </dgm:pt>
    <dgm:pt modelId="{F345C771-9F70-4D5A-8AAF-CF1BD5651E49}" type="pres">
      <dgm:prSet presAssocID="{15F04C49-EFA8-4805-A423-32956B706682}" presName="sibTrans" presStyleCnt="0"/>
      <dgm:spPr/>
    </dgm:pt>
    <dgm:pt modelId="{05FC952F-C705-4021-9AA6-86C9BFB88265}" type="pres">
      <dgm:prSet presAssocID="{14D7F324-23C0-4899-AF4B-5A187A0998F9}" presName="node" presStyleLbl="node1" presStyleIdx="8" presStyleCnt="15">
        <dgm:presLayoutVars>
          <dgm:bulletEnabled val="1"/>
        </dgm:presLayoutVars>
      </dgm:prSet>
      <dgm:spPr/>
    </dgm:pt>
    <dgm:pt modelId="{6010F0FF-0EBC-44A0-A3CB-BF6717A023CA}" type="pres">
      <dgm:prSet presAssocID="{ECF81B93-4D39-43D5-AF35-E783721921C9}" presName="sibTrans" presStyleCnt="0"/>
      <dgm:spPr/>
    </dgm:pt>
    <dgm:pt modelId="{68FD3129-B0F7-4234-B992-AEF27AAF36FC}" type="pres">
      <dgm:prSet presAssocID="{561AE2D9-E5AF-4879-AA4C-D6F5B5FA1DDB}" presName="node" presStyleLbl="node1" presStyleIdx="9" presStyleCnt="15">
        <dgm:presLayoutVars>
          <dgm:bulletEnabled val="1"/>
        </dgm:presLayoutVars>
      </dgm:prSet>
      <dgm:spPr/>
    </dgm:pt>
    <dgm:pt modelId="{9E84FC8A-11F6-4E70-80E6-F3E0EB32D36D}" type="pres">
      <dgm:prSet presAssocID="{52DB5C0A-3F61-492A-AEF0-2EBA6DC754B6}" presName="sibTrans" presStyleCnt="0"/>
      <dgm:spPr/>
    </dgm:pt>
    <dgm:pt modelId="{72ADAF7D-3E32-4321-BB9F-CD9A32F5ACCD}" type="pres">
      <dgm:prSet presAssocID="{852B6326-4F0C-460D-8C19-3356FB7BC3F2}" presName="node" presStyleLbl="node1" presStyleIdx="10" presStyleCnt="15">
        <dgm:presLayoutVars>
          <dgm:bulletEnabled val="1"/>
        </dgm:presLayoutVars>
      </dgm:prSet>
      <dgm:spPr/>
    </dgm:pt>
    <dgm:pt modelId="{8B3D358E-09B0-4632-9640-6876CFF62CDB}" type="pres">
      <dgm:prSet presAssocID="{F53D709F-8526-4D0E-919C-93F15FB2C82D}" presName="sibTrans" presStyleCnt="0"/>
      <dgm:spPr/>
    </dgm:pt>
    <dgm:pt modelId="{596962F3-5166-4CD1-983E-2BEC70B230FE}" type="pres">
      <dgm:prSet presAssocID="{94571551-274A-4A55-BEBD-0AA6BAA13B42}" presName="node" presStyleLbl="node1" presStyleIdx="11" presStyleCnt="15">
        <dgm:presLayoutVars>
          <dgm:bulletEnabled val="1"/>
        </dgm:presLayoutVars>
      </dgm:prSet>
      <dgm:spPr/>
    </dgm:pt>
    <dgm:pt modelId="{AADFD4AA-5D81-46FF-8CBF-01927CCEC77F}" type="pres">
      <dgm:prSet presAssocID="{461A91A8-97CF-446B-BECA-412CFF7D9577}" presName="sibTrans" presStyleCnt="0"/>
      <dgm:spPr/>
    </dgm:pt>
    <dgm:pt modelId="{58175F80-A8C4-415C-8E7B-A7B41614ED4F}" type="pres">
      <dgm:prSet presAssocID="{4F95E1B7-3AC2-47C7-AFAE-7C503BE009E2}" presName="node" presStyleLbl="node1" presStyleIdx="12" presStyleCnt="15">
        <dgm:presLayoutVars>
          <dgm:bulletEnabled val="1"/>
        </dgm:presLayoutVars>
      </dgm:prSet>
      <dgm:spPr/>
    </dgm:pt>
    <dgm:pt modelId="{3277279D-9D56-400E-A0E6-837CCBFA246D}" type="pres">
      <dgm:prSet presAssocID="{C1526A55-7203-4479-A4E7-630CA412B827}" presName="sibTrans" presStyleCnt="0"/>
      <dgm:spPr/>
    </dgm:pt>
    <dgm:pt modelId="{ECD3F48D-B6C4-42B4-83AA-2629E002B886}" type="pres">
      <dgm:prSet presAssocID="{194A68EE-8CCA-4773-9CE5-D098E3928043}" presName="node" presStyleLbl="node1" presStyleIdx="13" presStyleCnt="15">
        <dgm:presLayoutVars>
          <dgm:bulletEnabled val="1"/>
        </dgm:presLayoutVars>
      </dgm:prSet>
      <dgm:spPr/>
    </dgm:pt>
    <dgm:pt modelId="{E2B27A02-3B8A-4E51-9334-AA544AF07EAA}" type="pres">
      <dgm:prSet presAssocID="{25E33574-7282-4127-972C-568BFAD1B0A1}" presName="sibTrans" presStyleCnt="0"/>
      <dgm:spPr/>
    </dgm:pt>
    <dgm:pt modelId="{9E5DC777-BF9E-48F7-8D54-B6033B5EAC09}" type="pres">
      <dgm:prSet presAssocID="{2E6D012B-82D9-406C-8D91-0D32CD7DBB3E}" presName="node" presStyleLbl="node1" presStyleIdx="14" presStyleCnt="15">
        <dgm:presLayoutVars>
          <dgm:bulletEnabled val="1"/>
        </dgm:presLayoutVars>
      </dgm:prSet>
      <dgm:spPr/>
    </dgm:pt>
  </dgm:ptLst>
  <dgm:cxnLst>
    <dgm:cxn modelId="{99EA0F0A-0A0B-4AAF-82F2-12EA310BD2A2}" type="presOf" srcId="{94571551-274A-4A55-BEBD-0AA6BAA13B42}" destId="{596962F3-5166-4CD1-983E-2BEC70B230FE}" srcOrd="0" destOrd="0" presId="urn:microsoft.com/office/officeart/2005/8/layout/default"/>
    <dgm:cxn modelId="{A6B67414-3497-4B71-B7D7-AE43BFA21F35}" type="presOf" srcId="{D3626110-6130-4102-A9FA-C94D89A91867}" destId="{CC4593CE-6F87-4B31-A171-444886C45E45}" srcOrd="0" destOrd="0" presId="urn:microsoft.com/office/officeart/2005/8/layout/default"/>
    <dgm:cxn modelId="{53284623-2F6D-4121-97DA-35066B472BC3}" type="presOf" srcId="{905212CE-61AC-4FB2-8E5D-11685007A9C7}" destId="{6249DB80-2D20-4A15-8007-45F507E7A71B}" srcOrd="0" destOrd="0" presId="urn:microsoft.com/office/officeart/2005/8/layout/default"/>
    <dgm:cxn modelId="{F64F6629-4437-41FF-A895-4B301921F2AF}" type="presOf" srcId="{14D7F324-23C0-4899-AF4B-5A187A0998F9}" destId="{05FC952F-C705-4021-9AA6-86C9BFB88265}" srcOrd="0" destOrd="0" presId="urn:microsoft.com/office/officeart/2005/8/layout/default"/>
    <dgm:cxn modelId="{281DDF32-0E8C-43ED-ABA2-FEDB75A4255C}" type="presOf" srcId="{561AE2D9-E5AF-4879-AA4C-D6F5B5FA1DDB}" destId="{68FD3129-B0F7-4234-B992-AEF27AAF36FC}" srcOrd="0" destOrd="0" presId="urn:microsoft.com/office/officeart/2005/8/layout/default"/>
    <dgm:cxn modelId="{7B163C33-94CF-4B85-89E4-02B6736A77F9}" srcId="{835E5C30-5D2B-49A1-A1AD-8D1D304E1276}" destId="{14D7F324-23C0-4899-AF4B-5A187A0998F9}" srcOrd="8" destOrd="0" parTransId="{B59A3CE6-276B-4223-BC03-6DF6FAE68217}" sibTransId="{ECF81B93-4D39-43D5-AF35-E783721921C9}"/>
    <dgm:cxn modelId="{43C2995F-E5FE-453E-B256-BEE9E73BFDD4}" type="presOf" srcId="{34C17F1D-91AF-444C-B5EC-BAFFF93DA990}" destId="{94B10E46-132C-4C82-B7B5-4E7BC5D8AC11}" srcOrd="0" destOrd="0" presId="urn:microsoft.com/office/officeart/2005/8/layout/default"/>
    <dgm:cxn modelId="{4776CA5F-7857-4E94-B121-C913148AC386}" srcId="{835E5C30-5D2B-49A1-A1AD-8D1D304E1276}" destId="{533B3EF8-4939-491D-BCBC-6B6D02C4EA2D}" srcOrd="4" destOrd="0" parTransId="{C1F3B58B-A6EB-44BA-A086-9BB1152BAB5A}" sibTransId="{69595DBD-77ED-49F8-857B-23E399C4B9FD}"/>
    <dgm:cxn modelId="{43363A44-92CE-431D-8498-99E9D8D6A0EC}" srcId="{835E5C30-5D2B-49A1-A1AD-8D1D304E1276}" destId="{852B6326-4F0C-460D-8C19-3356FB7BC3F2}" srcOrd="10" destOrd="0" parTransId="{A5562B06-62F5-428A-B8B1-D533C6B0F6AA}" sibTransId="{F53D709F-8526-4D0E-919C-93F15FB2C82D}"/>
    <dgm:cxn modelId="{42BE0C45-9B66-40B9-AA11-0C68599CE449}" srcId="{835E5C30-5D2B-49A1-A1AD-8D1D304E1276}" destId="{2E6D012B-82D9-406C-8D91-0D32CD7DBB3E}" srcOrd="14" destOrd="0" parTransId="{C76A6BA2-1191-4CE2-B9A4-64AB4AA71974}" sibTransId="{1D7A85D3-3ADF-4D39-8D96-2AC7183AA051}"/>
    <dgm:cxn modelId="{4FE91645-304F-4858-B1CB-0C32DD7FEC39}" type="presOf" srcId="{602CCF91-6225-4078-91BD-70956A080FD9}" destId="{041A63F3-EE42-4F34-B3A6-2490D5163CA1}" srcOrd="0" destOrd="0" presId="urn:microsoft.com/office/officeart/2005/8/layout/default"/>
    <dgm:cxn modelId="{63FE104A-CDE4-43A9-A2B7-3D16746E49EE}" srcId="{835E5C30-5D2B-49A1-A1AD-8D1D304E1276}" destId="{561AE2D9-E5AF-4879-AA4C-D6F5B5FA1DDB}" srcOrd="9" destOrd="0" parTransId="{0D4AE7F4-B54F-44C4-AAB1-C75E954E1303}" sibTransId="{52DB5C0A-3F61-492A-AEF0-2EBA6DC754B6}"/>
    <dgm:cxn modelId="{5BD3194A-A902-4B75-9EF9-F53DB9B99F7D}" type="presOf" srcId="{6FC3A3B4-0B7E-4863-99DB-229AD97512DC}" destId="{E052B1C5-3170-4E9E-B0ED-D195AE646F61}" srcOrd="0" destOrd="0" presId="urn:microsoft.com/office/officeart/2005/8/layout/default"/>
    <dgm:cxn modelId="{314F544A-3E52-4747-A496-53843B62C9A9}" srcId="{835E5C30-5D2B-49A1-A1AD-8D1D304E1276}" destId="{602CCF91-6225-4078-91BD-70956A080FD9}" srcOrd="1" destOrd="0" parTransId="{9BC2E802-AFAB-424C-9151-6DEFFE51FE7C}" sibTransId="{640881A7-40EB-46ED-9931-FBEF8B0C88E0}"/>
    <dgm:cxn modelId="{BE9E0A6E-F6ED-4258-BDC6-794FEB9D069F}" type="presOf" srcId="{194A68EE-8CCA-4773-9CE5-D098E3928043}" destId="{ECD3F48D-B6C4-42B4-83AA-2629E002B886}" srcOrd="0" destOrd="0" presId="urn:microsoft.com/office/officeart/2005/8/layout/default"/>
    <dgm:cxn modelId="{638E2570-667F-49DD-B3AC-22964F407927}" srcId="{835E5C30-5D2B-49A1-A1AD-8D1D304E1276}" destId="{194A68EE-8CCA-4773-9CE5-D098E3928043}" srcOrd="13" destOrd="0" parTransId="{77ADC826-DCD9-4916-B395-401FD0904416}" sibTransId="{25E33574-7282-4127-972C-568BFAD1B0A1}"/>
    <dgm:cxn modelId="{07F5A073-4A1B-42A6-BA5E-B89DE038FE1A}" srcId="{835E5C30-5D2B-49A1-A1AD-8D1D304E1276}" destId="{905212CE-61AC-4FB2-8E5D-11685007A9C7}" srcOrd="0" destOrd="0" parTransId="{9B712BDD-A6BE-4232-91EC-578C0B3B2A1D}" sibTransId="{468F2699-765D-4F5F-B8FD-FC4813016701}"/>
    <dgm:cxn modelId="{59FE5758-197E-424D-A31F-47337D433640}" srcId="{835E5C30-5D2B-49A1-A1AD-8D1D304E1276}" destId="{6FC3A3B4-0B7E-4863-99DB-229AD97512DC}" srcOrd="6" destOrd="0" parTransId="{94FE07F4-6DD3-4E13-AC3C-4718AD0F0E26}" sibTransId="{ED4FD0E6-9F26-43EC-82E1-C10B0994694F}"/>
    <dgm:cxn modelId="{1A75587F-5930-4CBA-A343-6C51C4DD42DA}" type="presOf" srcId="{2E6D012B-82D9-406C-8D91-0D32CD7DBB3E}" destId="{9E5DC777-BF9E-48F7-8D54-B6033B5EAC09}" srcOrd="0" destOrd="0" presId="urn:microsoft.com/office/officeart/2005/8/layout/default"/>
    <dgm:cxn modelId="{7ABF2681-7B34-455D-96F5-E6202A4317C6}" type="presOf" srcId="{835E5C30-5D2B-49A1-A1AD-8D1D304E1276}" destId="{3251C080-C23D-4EDB-A65D-85C121C3BB15}" srcOrd="0" destOrd="0" presId="urn:microsoft.com/office/officeart/2005/8/layout/default"/>
    <dgm:cxn modelId="{99CBAB82-ADCF-4625-A646-1CA0BB837040}" srcId="{835E5C30-5D2B-49A1-A1AD-8D1D304E1276}" destId="{4F95E1B7-3AC2-47C7-AFAE-7C503BE009E2}" srcOrd="12" destOrd="0" parTransId="{A0872659-16D4-4CDE-9553-AF28DB21DA21}" sibTransId="{C1526A55-7203-4479-A4E7-630CA412B827}"/>
    <dgm:cxn modelId="{B67D909E-6613-450F-9745-CC57A2A1F176}" srcId="{835E5C30-5D2B-49A1-A1AD-8D1D304E1276}" destId="{72C500D1-50C5-4881-93A8-B96FE808934F}" srcOrd="2" destOrd="0" parTransId="{4B49EDDA-D700-4065-B06C-8B5A3D1F19E1}" sibTransId="{34EECAE3-A6A2-4BB3-BF63-C3342DF6891E}"/>
    <dgm:cxn modelId="{285AADA6-D39B-4FAB-BC4C-A2CB994BE582}" srcId="{835E5C30-5D2B-49A1-A1AD-8D1D304E1276}" destId="{94571551-274A-4A55-BEBD-0AA6BAA13B42}" srcOrd="11" destOrd="0" parTransId="{AC24BF7C-2E79-4D1B-B99F-003D3A330241}" sibTransId="{461A91A8-97CF-446B-BECA-412CFF7D9577}"/>
    <dgm:cxn modelId="{9E4AF1A7-AA37-49E4-8CE2-40F4B936808C}" type="presOf" srcId="{72C500D1-50C5-4881-93A8-B96FE808934F}" destId="{DF480031-9796-4E43-8A43-4CFE33FC5958}" srcOrd="0" destOrd="0" presId="urn:microsoft.com/office/officeart/2005/8/layout/default"/>
    <dgm:cxn modelId="{CB86F2B1-166C-4C9D-94CD-B4C0A82B0140}" type="presOf" srcId="{2A65ACC9-68F0-443B-ABF1-3ACE4DB2DF97}" destId="{820AD5AB-6B37-4B68-A7F3-5B5AE2F900D9}" srcOrd="0" destOrd="0" presId="urn:microsoft.com/office/officeart/2005/8/layout/default"/>
    <dgm:cxn modelId="{DAAD34B5-3899-4F56-B19C-D3D94A6E3A4E}" srcId="{835E5C30-5D2B-49A1-A1AD-8D1D304E1276}" destId="{2A65ACC9-68F0-443B-ABF1-3ACE4DB2DF97}" srcOrd="3" destOrd="0" parTransId="{3078E89E-50AA-4237-B1D5-CFCB471DA1D1}" sibTransId="{36F7E182-31E7-4D54-9844-F8E71673B07E}"/>
    <dgm:cxn modelId="{72C120C2-84C1-420F-8810-44B62E783DC1}" type="presOf" srcId="{4F95E1B7-3AC2-47C7-AFAE-7C503BE009E2}" destId="{58175F80-A8C4-415C-8E7B-A7B41614ED4F}" srcOrd="0" destOrd="0" presId="urn:microsoft.com/office/officeart/2005/8/layout/default"/>
    <dgm:cxn modelId="{ED9328C7-C488-4643-AE32-A1CB4B445625}" srcId="{835E5C30-5D2B-49A1-A1AD-8D1D304E1276}" destId="{D3626110-6130-4102-A9FA-C94D89A91867}" srcOrd="5" destOrd="0" parTransId="{BFFAB562-C08E-4C5A-902B-76336BAF152A}" sibTransId="{27CDF86F-980A-44A6-82C4-773B99CACCE3}"/>
    <dgm:cxn modelId="{0B995CDE-FA4F-434E-AA38-0DF8FD782FC3}" type="presOf" srcId="{852B6326-4F0C-460D-8C19-3356FB7BC3F2}" destId="{72ADAF7D-3E32-4321-BB9F-CD9A32F5ACCD}" srcOrd="0" destOrd="0" presId="urn:microsoft.com/office/officeart/2005/8/layout/default"/>
    <dgm:cxn modelId="{BF8604E4-38CA-4C1F-92E6-6EA1F3B77894}" type="presOf" srcId="{533B3EF8-4939-491D-BCBC-6B6D02C4EA2D}" destId="{370D4D5F-210F-452C-9F08-A389CE60F245}" srcOrd="0" destOrd="0" presId="urn:microsoft.com/office/officeart/2005/8/layout/default"/>
    <dgm:cxn modelId="{BB894EFA-9E8D-4E92-A2A1-EACF58ACED5F}" srcId="{835E5C30-5D2B-49A1-A1AD-8D1D304E1276}" destId="{34C17F1D-91AF-444C-B5EC-BAFFF93DA990}" srcOrd="7" destOrd="0" parTransId="{5B3A89A3-24CD-4008-8206-56E050BEDA88}" sibTransId="{15F04C49-EFA8-4805-A423-32956B706682}"/>
    <dgm:cxn modelId="{DB678136-E360-4A8A-8F73-AF217CF53E76}" type="presParOf" srcId="{3251C080-C23D-4EDB-A65D-85C121C3BB15}" destId="{6249DB80-2D20-4A15-8007-45F507E7A71B}" srcOrd="0" destOrd="0" presId="urn:microsoft.com/office/officeart/2005/8/layout/default"/>
    <dgm:cxn modelId="{62969EE8-56D8-4F1C-9829-0790C4808B32}" type="presParOf" srcId="{3251C080-C23D-4EDB-A65D-85C121C3BB15}" destId="{49A02F09-9BD9-4705-85B8-0F7A5809DE00}" srcOrd="1" destOrd="0" presId="urn:microsoft.com/office/officeart/2005/8/layout/default"/>
    <dgm:cxn modelId="{9EE928B9-34DD-427C-926C-8B723C9EB4D0}" type="presParOf" srcId="{3251C080-C23D-4EDB-A65D-85C121C3BB15}" destId="{041A63F3-EE42-4F34-B3A6-2490D5163CA1}" srcOrd="2" destOrd="0" presId="urn:microsoft.com/office/officeart/2005/8/layout/default"/>
    <dgm:cxn modelId="{E47B083B-4334-46FE-8D96-6080B46C00DD}" type="presParOf" srcId="{3251C080-C23D-4EDB-A65D-85C121C3BB15}" destId="{CF438EDF-3671-4F1B-AF39-AC60DC1C8D91}" srcOrd="3" destOrd="0" presId="urn:microsoft.com/office/officeart/2005/8/layout/default"/>
    <dgm:cxn modelId="{F72FB0E1-955D-4185-8715-5324D855FC4B}" type="presParOf" srcId="{3251C080-C23D-4EDB-A65D-85C121C3BB15}" destId="{DF480031-9796-4E43-8A43-4CFE33FC5958}" srcOrd="4" destOrd="0" presId="urn:microsoft.com/office/officeart/2005/8/layout/default"/>
    <dgm:cxn modelId="{961E4EFC-DD31-4FC6-BC67-77A78E77B919}" type="presParOf" srcId="{3251C080-C23D-4EDB-A65D-85C121C3BB15}" destId="{881CEBC6-E56B-4A97-B3CD-455EF8EA2FEC}" srcOrd="5" destOrd="0" presId="urn:microsoft.com/office/officeart/2005/8/layout/default"/>
    <dgm:cxn modelId="{0443314B-6EB1-4C5B-ABB0-84F6D45A487C}" type="presParOf" srcId="{3251C080-C23D-4EDB-A65D-85C121C3BB15}" destId="{820AD5AB-6B37-4B68-A7F3-5B5AE2F900D9}" srcOrd="6" destOrd="0" presId="urn:microsoft.com/office/officeart/2005/8/layout/default"/>
    <dgm:cxn modelId="{09E495CA-AA52-4665-949E-797C4A742029}" type="presParOf" srcId="{3251C080-C23D-4EDB-A65D-85C121C3BB15}" destId="{92146477-580D-4F6B-9AED-39599AFA4F69}" srcOrd="7" destOrd="0" presId="urn:microsoft.com/office/officeart/2005/8/layout/default"/>
    <dgm:cxn modelId="{7F4122FB-4376-4780-8B99-67147C2B71A0}" type="presParOf" srcId="{3251C080-C23D-4EDB-A65D-85C121C3BB15}" destId="{370D4D5F-210F-452C-9F08-A389CE60F245}" srcOrd="8" destOrd="0" presId="urn:microsoft.com/office/officeart/2005/8/layout/default"/>
    <dgm:cxn modelId="{7BEE23D9-434C-468B-9A0B-BDB8EA0D3D08}" type="presParOf" srcId="{3251C080-C23D-4EDB-A65D-85C121C3BB15}" destId="{44281761-92F8-4549-B12F-79314B03C66F}" srcOrd="9" destOrd="0" presId="urn:microsoft.com/office/officeart/2005/8/layout/default"/>
    <dgm:cxn modelId="{7ABD13D1-5DF9-48E5-94EE-559DF6412C63}" type="presParOf" srcId="{3251C080-C23D-4EDB-A65D-85C121C3BB15}" destId="{CC4593CE-6F87-4B31-A171-444886C45E45}" srcOrd="10" destOrd="0" presId="urn:microsoft.com/office/officeart/2005/8/layout/default"/>
    <dgm:cxn modelId="{C52D1F19-63E0-43C7-8822-114A1B8E78E0}" type="presParOf" srcId="{3251C080-C23D-4EDB-A65D-85C121C3BB15}" destId="{51242158-9537-403B-B337-CAC63DA5EE15}" srcOrd="11" destOrd="0" presId="urn:microsoft.com/office/officeart/2005/8/layout/default"/>
    <dgm:cxn modelId="{89F92ADD-0C7E-47C2-9026-DC45FAEEF5A3}" type="presParOf" srcId="{3251C080-C23D-4EDB-A65D-85C121C3BB15}" destId="{E052B1C5-3170-4E9E-B0ED-D195AE646F61}" srcOrd="12" destOrd="0" presId="urn:microsoft.com/office/officeart/2005/8/layout/default"/>
    <dgm:cxn modelId="{F6F10970-B79F-4251-A09D-CE3E2D24C6A5}" type="presParOf" srcId="{3251C080-C23D-4EDB-A65D-85C121C3BB15}" destId="{EA2948EF-8030-4204-8D97-D504F8CFDF4A}" srcOrd="13" destOrd="0" presId="urn:microsoft.com/office/officeart/2005/8/layout/default"/>
    <dgm:cxn modelId="{50859C41-7E2A-434F-B592-0F8C6D341ECA}" type="presParOf" srcId="{3251C080-C23D-4EDB-A65D-85C121C3BB15}" destId="{94B10E46-132C-4C82-B7B5-4E7BC5D8AC11}" srcOrd="14" destOrd="0" presId="urn:microsoft.com/office/officeart/2005/8/layout/default"/>
    <dgm:cxn modelId="{8CF927BC-6E33-4917-8D93-CA680FD758F8}" type="presParOf" srcId="{3251C080-C23D-4EDB-A65D-85C121C3BB15}" destId="{F345C771-9F70-4D5A-8AAF-CF1BD5651E49}" srcOrd="15" destOrd="0" presId="urn:microsoft.com/office/officeart/2005/8/layout/default"/>
    <dgm:cxn modelId="{F36EFE20-4AC9-4A37-BADE-EA99F37CC9FF}" type="presParOf" srcId="{3251C080-C23D-4EDB-A65D-85C121C3BB15}" destId="{05FC952F-C705-4021-9AA6-86C9BFB88265}" srcOrd="16" destOrd="0" presId="urn:microsoft.com/office/officeart/2005/8/layout/default"/>
    <dgm:cxn modelId="{3CADE693-4EA4-4C86-91C2-921C8EA81110}" type="presParOf" srcId="{3251C080-C23D-4EDB-A65D-85C121C3BB15}" destId="{6010F0FF-0EBC-44A0-A3CB-BF6717A023CA}" srcOrd="17" destOrd="0" presId="urn:microsoft.com/office/officeart/2005/8/layout/default"/>
    <dgm:cxn modelId="{C1A43DD8-958F-44F6-BD57-30573069B225}" type="presParOf" srcId="{3251C080-C23D-4EDB-A65D-85C121C3BB15}" destId="{68FD3129-B0F7-4234-B992-AEF27AAF36FC}" srcOrd="18" destOrd="0" presId="urn:microsoft.com/office/officeart/2005/8/layout/default"/>
    <dgm:cxn modelId="{374A4BB9-8BCA-408D-BD7B-221A62F40DA6}" type="presParOf" srcId="{3251C080-C23D-4EDB-A65D-85C121C3BB15}" destId="{9E84FC8A-11F6-4E70-80E6-F3E0EB32D36D}" srcOrd="19" destOrd="0" presId="urn:microsoft.com/office/officeart/2005/8/layout/default"/>
    <dgm:cxn modelId="{FB2A4E1F-395D-4858-8887-716239632FE7}" type="presParOf" srcId="{3251C080-C23D-4EDB-A65D-85C121C3BB15}" destId="{72ADAF7D-3E32-4321-BB9F-CD9A32F5ACCD}" srcOrd="20" destOrd="0" presId="urn:microsoft.com/office/officeart/2005/8/layout/default"/>
    <dgm:cxn modelId="{CDCF4072-588F-4C6C-AB8E-9033C252F5F4}" type="presParOf" srcId="{3251C080-C23D-4EDB-A65D-85C121C3BB15}" destId="{8B3D358E-09B0-4632-9640-6876CFF62CDB}" srcOrd="21" destOrd="0" presId="urn:microsoft.com/office/officeart/2005/8/layout/default"/>
    <dgm:cxn modelId="{4DDBD79E-9B04-4C2B-B130-1D9A23D9C671}" type="presParOf" srcId="{3251C080-C23D-4EDB-A65D-85C121C3BB15}" destId="{596962F3-5166-4CD1-983E-2BEC70B230FE}" srcOrd="22" destOrd="0" presId="urn:microsoft.com/office/officeart/2005/8/layout/default"/>
    <dgm:cxn modelId="{73E08E90-F864-4FF5-86DA-976D92F684C0}" type="presParOf" srcId="{3251C080-C23D-4EDB-A65D-85C121C3BB15}" destId="{AADFD4AA-5D81-46FF-8CBF-01927CCEC77F}" srcOrd="23" destOrd="0" presId="urn:microsoft.com/office/officeart/2005/8/layout/default"/>
    <dgm:cxn modelId="{86F8F4E7-6ACD-48F5-8897-FC31BBF30732}" type="presParOf" srcId="{3251C080-C23D-4EDB-A65D-85C121C3BB15}" destId="{58175F80-A8C4-415C-8E7B-A7B41614ED4F}" srcOrd="24" destOrd="0" presId="urn:microsoft.com/office/officeart/2005/8/layout/default"/>
    <dgm:cxn modelId="{D7CF290C-A4DF-4C10-94C5-20887EF27E68}" type="presParOf" srcId="{3251C080-C23D-4EDB-A65D-85C121C3BB15}" destId="{3277279D-9D56-400E-A0E6-837CCBFA246D}" srcOrd="25" destOrd="0" presId="urn:microsoft.com/office/officeart/2005/8/layout/default"/>
    <dgm:cxn modelId="{856E0ECA-C713-4388-B702-440448868682}" type="presParOf" srcId="{3251C080-C23D-4EDB-A65D-85C121C3BB15}" destId="{ECD3F48D-B6C4-42B4-83AA-2629E002B886}" srcOrd="26" destOrd="0" presId="urn:microsoft.com/office/officeart/2005/8/layout/default"/>
    <dgm:cxn modelId="{8A831D61-09AB-40A3-B050-797418C86F94}" type="presParOf" srcId="{3251C080-C23D-4EDB-A65D-85C121C3BB15}" destId="{E2B27A02-3B8A-4E51-9334-AA544AF07EAA}" srcOrd="27" destOrd="0" presId="urn:microsoft.com/office/officeart/2005/8/layout/default"/>
    <dgm:cxn modelId="{224155C5-7FD9-46BB-A906-CDA7F04CEFD2}" type="presParOf" srcId="{3251C080-C23D-4EDB-A65D-85C121C3BB15}" destId="{9E5DC777-BF9E-48F7-8D54-B6033B5EAC09}" srcOrd="28" destOrd="0" presId="urn:microsoft.com/office/officeart/2005/8/layout/defaul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9.xml><?xml version="1.0" encoding="utf-8"?>
<dgm:dataModel xmlns:dgm="http://schemas.openxmlformats.org/drawingml/2006/diagram" xmlns:a="http://schemas.openxmlformats.org/drawingml/2006/main">
  <dgm:ptLst>
    <dgm:pt modelId="{85942ED2-E86D-4EA0-B490-00EB705AE339}" type="doc">
      <dgm:prSet loTypeId="urn:microsoft.com/office/officeart/2008/layout/VerticalCurved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3FD4FC73-9898-4FE8-B840-4C58D07429EE}">
      <dgm:prSet phldrT="[Текст]"/>
      <dgm:spPr/>
      <dgm:t>
        <a:bodyPr/>
        <a:lstStyle/>
        <a:p>
          <a:r>
            <a:rPr lang="ru-RU" dirty="0"/>
            <a:t>Соблюдение информационного баланса</a:t>
          </a:r>
        </a:p>
      </dgm:t>
    </dgm:pt>
    <dgm:pt modelId="{F033185A-A0A6-444F-B919-AB61127FC108}" type="parTrans" cxnId="{7B1C895D-B2C6-4ECA-9ADB-9572BAE764AE}">
      <dgm:prSet/>
      <dgm:spPr/>
      <dgm:t>
        <a:bodyPr/>
        <a:lstStyle/>
        <a:p>
          <a:endParaRPr lang="ru-RU"/>
        </a:p>
      </dgm:t>
    </dgm:pt>
    <dgm:pt modelId="{59E7A78C-725F-40CA-A1A9-968D90C10E34}" type="sibTrans" cxnId="{7B1C895D-B2C6-4ECA-9ADB-9572BAE764AE}">
      <dgm:prSet/>
      <dgm:spPr/>
      <dgm:t>
        <a:bodyPr/>
        <a:lstStyle/>
        <a:p>
          <a:endParaRPr lang="ru-RU"/>
        </a:p>
      </dgm:t>
    </dgm:pt>
    <dgm:pt modelId="{2A57F155-1C30-412C-9797-0BAA5E401EBB}">
      <dgm:prSet phldrT="[Текст]"/>
      <dgm:spPr/>
      <dgm:t>
        <a:bodyPr/>
        <a:lstStyle/>
        <a:p>
          <a:r>
            <a:rPr lang="ru-RU" dirty="0"/>
            <a:t>Подбор оптимальных цветовых, тоновых и шрифтовых решений</a:t>
          </a:r>
        </a:p>
      </dgm:t>
    </dgm:pt>
    <dgm:pt modelId="{0B5C857C-0085-4E5B-B0FE-33BD0ABF0D71}" type="parTrans" cxnId="{C3460AF2-9AD6-483E-9D11-844D2B42B74F}">
      <dgm:prSet/>
      <dgm:spPr/>
      <dgm:t>
        <a:bodyPr/>
        <a:lstStyle/>
        <a:p>
          <a:endParaRPr lang="ru-RU"/>
        </a:p>
      </dgm:t>
    </dgm:pt>
    <dgm:pt modelId="{E4541B7D-39D2-434F-AFB4-7993E479CDEB}" type="sibTrans" cxnId="{C3460AF2-9AD6-483E-9D11-844D2B42B74F}">
      <dgm:prSet/>
      <dgm:spPr/>
      <dgm:t>
        <a:bodyPr/>
        <a:lstStyle/>
        <a:p>
          <a:endParaRPr lang="ru-RU"/>
        </a:p>
      </dgm:t>
    </dgm:pt>
    <dgm:pt modelId="{25A019B0-BADE-4D4F-AE21-C431E48CA8E6}">
      <dgm:prSet phldrT="[Текст]"/>
      <dgm:spPr/>
      <dgm:t>
        <a:bodyPr/>
        <a:lstStyle/>
        <a:p>
          <a:r>
            <a:rPr lang="ru-RU" dirty="0"/>
            <a:t>При проектировании динамических элементов разумно минимизированы динамические изменения</a:t>
          </a:r>
        </a:p>
      </dgm:t>
    </dgm:pt>
    <dgm:pt modelId="{A527192F-40D2-4637-97D0-025B9C642FDB}" type="parTrans" cxnId="{3CBA7D63-683E-4A50-9AA4-8B778FA48764}">
      <dgm:prSet/>
      <dgm:spPr/>
      <dgm:t>
        <a:bodyPr/>
        <a:lstStyle/>
        <a:p>
          <a:endParaRPr lang="ru-RU"/>
        </a:p>
      </dgm:t>
    </dgm:pt>
    <dgm:pt modelId="{B852C341-340A-4CF2-A764-D6AFEEBA0307}" type="sibTrans" cxnId="{3CBA7D63-683E-4A50-9AA4-8B778FA48764}">
      <dgm:prSet/>
      <dgm:spPr/>
      <dgm:t>
        <a:bodyPr/>
        <a:lstStyle/>
        <a:p>
          <a:endParaRPr lang="ru-RU"/>
        </a:p>
      </dgm:t>
    </dgm:pt>
    <dgm:pt modelId="{001493D4-C77D-4990-A653-D457157FB99F}">
      <dgm:prSet phldrT="[Текст]"/>
      <dgm:spPr/>
      <dgm:t>
        <a:bodyPr/>
        <a:lstStyle/>
        <a:p>
          <a:r>
            <a:rPr lang="ru-RU" dirty="0"/>
            <a:t>При проектировании веб-сайта учтены особенности целевой аудитории</a:t>
          </a:r>
        </a:p>
      </dgm:t>
    </dgm:pt>
    <dgm:pt modelId="{970046B8-4476-4BB2-B0EB-25AAE9E5502B}" type="parTrans" cxnId="{BAA1C541-0972-4EE4-857D-797B2BECC310}">
      <dgm:prSet/>
      <dgm:spPr/>
      <dgm:t>
        <a:bodyPr/>
        <a:lstStyle/>
        <a:p>
          <a:endParaRPr lang="ru-RU"/>
        </a:p>
      </dgm:t>
    </dgm:pt>
    <dgm:pt modelId="{54673B29-5406-4ECA-A37C-C0FECDC1A560}" type="sibTrans" cxnId="{BAA1C541-0972-4EE4-857D-797B2BECC310}">
      <dgm:prSet/>
      <dgm:spPr/>
      <dgm:t>
        <a:bodyPr/>
        <a:lstStyle/>
        <a:p>
          <a:endParaRPr lang="ru-RU"/>
        </a:p>
      </dgm:t>
    </dgm:pt>
    <dgm:pt modelId="{B36047B2-0F2C-4944-9027-FE92BB0D62F5}">
      <dgm:prSet phldrT="[Текст]"/>
      <dgm:spPr/>
      <dgm:t>
        <a:bodyPr/>
        <a:lstStyle/>
        <a:p>
          <a:r>
            <a:rPr lang="ru-RU" dirty="0"/>
            <a:t>Проектирование компоновки веб-страниц с учетом результатов исследований по изучению траектории движения глаз</a:t>
          </a:r>
        </a:p>
      </dgm:t>
    </dgm:pt>
    <dgm:pt modelId="{05928D49-C541-4677-9944-2E18BB0BD6F8}" type="parTrans" cxnId="{34741DC0-B8DB-4EFE-A842-295B97AFFDE7}">
      <dgm:prSet/>
      <dgm:spPr/>
      <dgm:t>
        <a:bodyPr/>
        <a:lstStyle/>
        <a:p>
          <a:endParaRPr lang="ru-RU"/>
        </a:p>
      </dgm:t>
    </dgm:pt>
    <dgm:pt modelId="{63AAB4C3-3E3B-41CE-B3C5-C1D15C22017A}" type="sibTrans" cxnId="{34741DC0-B8DB-4EFE-A842-295B97AFFDE7}">
      <dgm:prSet/>
      <dgm:spPr/>
      <dgm:t>
        <a:bodyPr/>
        <a:lstStyle/>
        <a:p>
          <a:endParaRPr lang="ru-RU"/>
        </a:p>
      </dgm:t>
    </dgm:pt>
    <dgm:pt modelId="{67497659-32CD-4415-8BA4-460D751AB19E}">
      <dgm:prSet phldrT="[Текст]"/>
      <dgm:spPr/>
      <dgm:t>
        <a:bodyPr/>
        <a:lstStyle/>
        <a:p>
          <a:r>
            <a:rPr lang="ru-RU" dirty="0"/>
            <a:t>Подбор графического контента на основе существующих способов осмысления</a:t>
          </a:r>
        </a:p>
      </dgm:t>
    </dgm:pt>
    <dgm:pt modelId="{2921AF32-C2E1-43E3-BDB1-CD849BCDADF7}" type="parTrans" cxnId="{DDE1536E-61DE-4C35-ADAE-9B374A345244}">
      <dgm:prSet/>
      <dgm:spPr/>
      <dgm:t>
        <a:bodyPr/>
        <a:lstStyle/>
        <a:p>
          <a:endParaRPr lang="ru-RU"/>
        </a:p>
      </dgm:t>
    </dgm:pt>
    <dgm:pt modelId="{EC3FB1D3-F53D-4513-B1D2-C407B4423C4A}" type="sibTrans" cxnId="{DDE1536E-61DE-4C35-ADAE-9B374A345244}">
      <dgm:prSet/>
      <dgm:spPr/>
      <dgm:t>
        <a:bodyPr/>
        <a:lstStyle/>
        <a:p>
          <a:endParaRPr lang="ru-RU"/>
        </a:p>
      </dgm:t>
    </dgm:pt>
    <dgm:pt modelId="{B8F3F61E-718A-43D3-8D97-F176A2A6DD1C}">
      <dgm:prSet phldrT="[Текст]"/>
      <dgm:spPr/>
      <dgm:t>
        <a:bodyPr/>
        <a:lstStyle/>
        <a:p>
          <a:r>
            <a:rPr lang="ru-RU" dirty="0"/>
            <a:t>Отсутствие раздражителей, влияющих на внимание пользователя, поддержание комфортного объема внимания</a:t>
          </a:r>
        </a:p>
      </dgm:t>
    </dgm:pt>
    <dgm:pt modelId="{4C504AC2-243C-4AF8-B1BD-99B8203BF147}" type="parTrans" cxnId="{BD823A51-2EBA-4072-87FD-4C37000909D2}">
      <dgm:prSet/>
      <dgm:spPr/>
      <dgm:t>
        <a:bodyPr/>
        <a:lstStyle/>
        <a:p>
          <a:endParaRPr lang="ru-RU"/>
        </a:p>
      </dgm:t>
    </dgm:pt>
    <dgm:pt modelId="{0744C479-A695-4BFA-B6A7-1E2DA399F557}" type="sibTrans" cxnId="{BD823A51-2EBA-4072-87FD-4C37000909D2}">
      <dgm:prSet/>
      <dgm:spPr/>
      <dgm:t>
        <a:bodyPr/>
        <a:lstStyle/>
        <a:p>
          <a:endParaRPr lang="ru-RU"/>
        </a:p>
      </dgm:t>
    </dgm:pt>
    <dgm:pt modelId="{78D4CE9D-10E3-4289-A050-ADFCEFD7F204}" type="pres">
      <dgm:prSet presAssocID="{85942ED2-E86D-4EA0-B490-00EB705AE339}" presName="Name0" presStyleCnt="0">
        <dgm:presLayoutVars>
          <dgm:chMax val="7"/>
          <dgm:chPref val="7"/>
          <dgm:dir/>
        </dgm:presLayoutVars>
      </dgm:prSet>
      <dgm:spPr/>
    </dgm:pt>
    <dgm:pt modelId="{C3CAB19C-A23F-45D3-B630-3AABC714DF98}" type="pres">
      <dgm:prSet presAssocID="{85942ED2-E86D-4EA0-B490-00EB705AE339}" presName="Name1" presStyleCnt="0"/>
      <dgm:spPr/>
    </dgm:pt>
    <dgm:pt modelId="{83713741-29DD-4EF9-AC68-DDB32955A11B}" type="pres">
      <dgm:prSet presAssocID="{85942ED2-E86D-4EA0-B490-00EB705AE339}" presName="cycle" presStyleCnt="0"/>
      <dgm:spPr/>
    </dgm:pt>
    <dgm:pt modelId="{8243D64D-FB1B-459E-969A-C44A5D16B8A9}" type="pres">
      <dgm:prSet presAssocID="{85942ED2-E86D-4EA0-B490-00EB705AE339}" presName="srcNode" presStyleLbl="node1" presStyleIdx="0" presStyleCnt="7"/>
      <dgm:spPr/>
    </dgm:pt>
    <dgm:pt modelId="{A6859757-F752-449C-80F4-FF139487BC5B}" type="pres">
      <dgm:prSet presAssocID="{85942ED2-E86D-4EA0-B490-00EB705AE339}" presName="conn" presStyleLbl="parChTrans1D2" presStyleIdx="0" presStyleCnt="1"/>
      <dgm:spPr/>
    </dgm:pt>
    <dgm:pt modelId="{B19C3E1D-26EF-42D6-9F55-E04B53CB76EF}" type="pres">
      <dgm:prSet presAssocID="{85942ED2-E86D-4EA0-B490-00EB705AE339}" presName="extraNode" presStyleLbl="node1" presStyleIdx="0" presStyleCnt="7"/>
      <dgm:spPr/>
    </dgm:pt>
    <dgm:pt modelId="{EF80BB4A-20B8-4729-A22F-36C011EBB54E}" type="pres">
      <dgm:prSet presAssocID="{85942ED2-E86D-4EA0-B490-00EB705AE339}" presName="dstNode" presStyleLbl="node1" presStyleIdx="0" presStyleCnt="7"/>
      <dgm:spPr/>
    </dgm:pt>
    <dgm:pt modelId="{B293E512-85FF-4892-B592-C9BD9945DCC8}" type="pres">
      <dgm:prSet presAssocID="{3FD4FC73-9898-4FE8-B840-4C58D07429EE}" presName="text_1" presStyleLbl="node1" presStyleIdx="0" presStyleCnt="7">
        <dgm:presLayoutVars>
          <dgm:bulletEnabled val="1"/>
        </dgm:presLayoutVars>
      </dgm:prSet>
      <dgm:spPr/>
    </dgm:pt>
    <dgm:pt modelId="{15A6974D-86E7-41B5-999F-E11799528FF4}" type="pres">
      <dgm:prSet presAssocID="{3FD4FC73-9898-4FE8-B840-4C58D07429EE}" presName="accent_1" presStyleCnt="0"/>
      <dgm:spPr/>
    </dgm:pt>
    <dgm:pt modelId="{FD0C532E-0D05-4466-858B-25436094ACEB}" type="pres">
      <dgm:prSet presAssocID="{3FD4FC73-9898-4FE8-B840-4C58D07429EE}" presName="accentRepeatNode" presStyleLbl="solidFgAcc1" presStyleIdx="0" presStyleCnt="7"/>
      <dgm:spPr/>
    </dgm:pt>
    <dgm:pt modelId="{44C5EE60-0543-4D58-B08D-E0CF4F6573CF}" type="pres">
      <dgm:prSet presAssocID="{2A57F155-1C30-412C-9797-0BAA5E401EBB}" presName="text_2" presStyleLbl="node1" presStyleIdx="1" presStyleCnt="7">
        <dgm:presLayoutVars>
          <dgm:bulletEnabled val="1"/>
        </dgm:presLayoutVars>
      </dgm:prSet>
      <dgm:spPr/>
    </dgm:pt>
    <dgm:pt modelId="{2CDF9016-F2CB-4BF8-B349-DBBAF73D9AF6}" type="pres">
      <dgm:prSet presAssocID="{2A57F155-1C30-412C-9797-0BAA5E401EBB}" presName="accent_2" presStyleCnt="0"/>
      <dgm:spPr/>
    </dgm:pt>
    <dgm:pt modelId="{A72A81FB-1B67-4C4B-9749-8A882A721E12}" type="pres">
      <dgm:prSet presAssocID="{2A57F155-1C30-412C-9797-0BAA5E401EBB}" presName="accentRepeatNode" presStyleLbl="solidFgAcc1" presStyleIdx="1" presStyleCnt="7"/>
      <dgm:spPr/>
    </dgm:pt>
    <dgm:pt modelId="{30D7A3BD-A985-4B89-979C-5DED69277EDF}" type="pres">
      <dgm:prSet presAssocID="{25A019B0-BADE-4D4F-AE21-C431E48CA8E6}" presName="text_3" presStyleLbl="node1" presStyleIdx="2" presStyleCnt="7">
        <dgm:presLayoutVars>
          <dgm:bulletEnabled val="1"/>
        </dgm:presLayoutVars>
      </dgm:prSet>
      <dgm:spPr/>
    </dgm:pt>
    <dgm:pt modelId="{F4C9F733-A0EC-4A14-8FA3-C804C4B35228}" type="pres">
      <dgm:prSet presAssocID="{25A019B0-BADE-4D4F-AE21-C431E48CA8E6}" presName="accent_3" presStyleCnt="0"/>
      <dgm:spPr/>
    </dgm:pt>
    <dgm:pt modelId="{B682B8EE-512E-40CA-8F7E-5585B5344615}" type="pres">
      <dgm:prSet presAssocID="{25A019B0-BADE-4D4F-AE21-C431E48CA8E6}" presName="accentRepeatNode" presStyleLbl="solidFgAcc1" presStyleIdx="2" presStyleCnt="7"/>
      <dgm:spPr/>
    </dgm:pt>
    <dgm:pt modelId="{5916395F-A049-4F8B-8BCE-145F4DB9615A}" type="pres">
      <dgm:prSet presAssocID="{001493D4-C77D-4990-A653-D457157FB99F}" presName="text_4" presStyleLbl="node1" presStyleIdx="3" presStyleCnt="7">
        <dgm:presLayoutVars>
          <dgm:bulletEnabled val="1"/>
        </dgm:presLayoutVars>
      </dgm:prSet>
      <dgm:spPr/>
    </dgm:pt>
    <dgm:pt modelId="{54E424A3-6432-48ED-A436-5B696FC85CEF}" type="pres">
      <dgm:prSet presAssocID="{001493D4-C77D-4990-A653-D457157FB99F}" presName="accent_4" presStyleCnt="0"/>
      <dgm:spPr/>
    </dgm:pt>
    <dgm:pt modelId="{C8D876A3-2611-43ED-9BED-47681F4A4BC0}" type="pres">
      <dgm:prSet presAssocID="{001493D4-C77D-4990-A653-D457157FB99F}" presName="accentRepeatNode" presStyleLbl="solidFgAcc1" presStyleIdx="3" presStyleCnt="7"/>
      <dgm:spPr/>
    </dgm:pt>
    <dgm:pt modelId="{B5B78132-69E4-49AA-ABA6-C1F3346AD5A4}" type="pres">
      <dgm:prSet presAssocID="{B36047B2-0F2C-4944-9027-FE92BB0D62F5}" presName="text_5" presStyleLbl="node1" presStyleIdx="4" presStyleCnt="7">
        <dgm:presLayoutVars>
          <dgm:bulletEnabled val="1"/>
        </dgm:presLayoutVars>
      </dgm:prSet>
      <dgm:spPr/>
    </dgm:pt>
    <dgm:pt modelId="{4E18CE2B-CF33-4906-BD18-E5FA4D458D23}" type="pres">
      <dgm:prSet presAssocID="{B36047B2-0F2C-4944-9027-FE92BB0D62F5}" presName="accent_5" presStyleCnt="0"/>
      <dgm:spPr/>
    </dgm:pt>
    <dgm:pt modelId="{44A956C1-835A-4BEF-8411-C0D84ABCED85}" type="pres">
      <dgm:prSet presAssocID="{B36047B2-0F2C-4944-9027-FE92BB0D62F5}" presName="accentRepeatNode" presStyleLbl="solidFgAcc1" presStyleIdx="4" presStyleCnt="7"/>
      <dgm:spPr/>
    </dgm:pt>
    <dgm:pt modelId="{EC7453C3-B474-46F3-9DF4-62867CB711D5}" type="pres">
      <dgm:prSet presAssocID="{67497659-32CD-4415-8BA4-460D751AB19E}" presName="text_6" presStyleLbl="node1" presStyleIdx="5" presStyleCnt="7">
        <dgm:presLayoutVars>
          <dgm:bulletEnabled val="1"/>
        </dgm:presLayoutVars>
      </dgm:prSet>
      <dgm:spPr/>
    </dgm:pt>
    <dgm:pt modelId="{243D55A2-5EDA-4D6A-8503-94BE490EE9A0}" type="pres">
      <dgm:prSet presAssocID="{67497659-32CD-4415-8BA4-460D751AB19E}" presName="accent_6" presStyleCnt="0"/>
      <dgm:spPr/>
    </dgm:pt>
    <dgm:pt modelId="{08621CDD-B157-4D01-BF7D-B7EEE818265A}" type="pres">
      <dgm:prSet presAssocID="{67497659-32CD-4415-8BA4-460D751AB19E}" presName="accentRepeatNode" presStyleLbl="solidFgAcc1" presStyleIdx="5" presStyleCnt="7"/>
      <dgm:spPr/>
    </dgm:pt>
    <dgm:pt modelId="{77CDFC54-34DA-4B47-A9EF-FE35A52C2E20}" type="pres">
      <dgm:prSet presAssocID="{B8F3F61E-718A-43D3-8D97-F176A2A6DD1C}" presName="text_7" presStyleLbl="node1" presStyleIdx="6" presStyleCnt="7">
        <dgm:presLayoutVars>
          <dgm:bulletEnabled val="1"/>
        </dgm:presLayoutVars>
      </dgm:prSet>
      <dgm:spPr/>
    </dgm:pt>
    <dgm:pt modelId="{BBF3C6A0-6F78-4609-BA53-842D31321166}" type="pres">
      <dgm:prSet presAssocID="{B8F3F61E-718A-43D3-8D97-F176A2A6DD1C}" presName="accent_7" presStyleCnt="0"/>
      <dgm:spPr/>
    </dgm:pt>
    <dgm:pt modelId="{2E44AB76-01EE-493C-9B74-2B1B5F3DD211}" type="pres">
      <dgm:prSet presAssocID="{B8F3F61E-718A-43D3-8D97-F176A2A6DD1C}" presName="accentRepeatNode" presStyleLbl="solidFgAcc1" presStyleIdx="6" presStyleCnt="7"/>
      <dgm:spPr/>
    </dgm:pt>
  </dgm:ptLst>
  <dgm:cxnLst>
    <dgm:cxn modelId="{2821E500-1754-441D-90A9-B170D0AFABBC}" type="presOf" srcId="{67497659-32CD-4415-8BA4-460D751AB19E}" destId="{EC7453C3-B474-46F3-9DF4-62867CB711D5}" srcOrd="0" destOrd="0" presId="urn:microsoft.com/office/officeart/2008/layout/VerticalCurvedList"/>
    <dgm:cxn modelId="{E8DE9F04-C0BF-4354-A701-41199BDC9A43}" type="presOf" srcId="{001493D4-C77D-4990-A653-D457157FB99F}" destId="{5916395F-A049-4F8B-8BCE-145F4DB9615A}" srcOrd="0" destOrd="0" presId="urn:microsoft.com/office/officeart/2008/layout/VerticalCurvedList"/>
    <dgm:cxn modelId="{82E17F25-DDFE-4DFD-832E-93477D7E60B2}" type="presOf" srcId="{85942ED2-E86D-4EA0-B490-00EB705AE339}" destId="{78D4CE9D-10E3-4289-A050-ADFCEFD7F204}" srcOrd="0" destOrd="0" presId="urn:microsoft.com/office/officeart/2008/layout/VerticalCurvedList"/>
    <dgm:cxn modelId="{7B1C895D-B2C6-4ECA-9ADB-9572BAE764AE}" srcId="{85942ED2-E86D-4EA0-B490-00EB705AE339}" destId="{3FD4FC73-9898-4FE8-B840-4C58D07429EE}" srcOrd="0" destOrd="0" parTransId="{F033185A-A0A6-444F-B919-AB61127FC108}" sibTransId="{59E7A78C-725F-40CA-A1A9-968D90C10E34}"/>
    <dgm:cxn modelId="{BAA1C541-0972-4EE4-857D-797B2BECC310}" srcId="{85942ED2-E86D-4EA0-B490-00EB705AE339}" destId="{001493D4-C77D-4990-A653-D457157FB99F}" srcOrd="3" destOrd="0" parTransId="{970046B8-4476-4BB2-B0EB-25AAE9E5502B}" sibTransId="{54673B29-5406-4ECA-A37C-C0FECDC1A560}"/>
    <dgm:cxn modelId="{3CBA7D63-683E-4A50-9AA4-8B778FA48764}" srcId="{85942ED2-E86D-4EA0-B490-00EB705AE339}" destId="{25A019B0-BADE-4D4F-AE21-C431E48CA8E6}" srcOrd="2" destOrd="0" parTransId="{A527192F-40D2-4637-97D0-025B9C642FDB}" sibTransId="{B852C341-340A-4CF2-A764-D6AFEEBA0307}"/>
    <dgm:cxn modelId="{DDE1536E-61DE-4C35-ADAE-9B374A345244}" srcId="{85942ED2-E86D-4EA0-B490-00EB705AE339}" destId="{67497659-32CD-4415-8BA4-460D751AB19E}" srcOrd="5" destOrd="0" parTransId="{2921AF32-C2E1-43E3-BDB1-CD849BCDADF7}" sibTransId="{EC3FB1D3-F53D-4513-B1D2-C407B4423C4A}"/>
    <dgm:cxn modelId="{BD823A51-2EBA-4072-87FD-4C37000909D2}" srcId="{85942ED2-E86D-4EA0-B490-00EB705AE339}" destId="{B8F3F61E-718A-43D3-8D97-F176A2A6DD1C}" srcOrd="6" destOrd="0" parTransId="{4C504AC2-243C-4AF8-B1BD-99B8203BF147}" sibTransId="{0744C479-A695-4BFA-B6A7-1E2DA399F557}"/>
    <dgm:cxn modelId="{43FE89A0-3A15-4D41-B3B7-CCD61ECDB289}" type="presOf" srcId="{2A57F155-1C30-412C-9797-0BAA5E401EBB}" destId="{44C5EE60-0543-4D58-B08D-E0CF4F6573CF}" srcOrd="0" destOrd="0" presId="urn:microsoft.com/office/officeart/2008/layout/VerticalCurvedList"/>
    <dgm:cxn modelId="{34741DC0-B8DB-4EFE-A842-295B97AFFDE7}" srcId="{85942ED2-E86D-4EA0-B490-00EB705AE339}" destId="{B36047B2-0F2C-4944-9027-FE92BB0D62F5}" srcOrd="4" destOrd="0" parTransId="{05928D49-C541-4677-9944-2E18BB0BD6F8}" sibTransId="{63AAB4C3-3E3B-41CE-B3C5-C1D15C22017A}"/>
    <dgm:cxn modelId="{E35ED4DE-BDB1-4BBD-8300-3BA36FEE430A}" type="presOf" srcId="{B36047B2-0F2C-4944-9027-FE92BB0D62F5}" destId="{B5B78132-69E4-49AA-ABA6-C1F3346AD5A4}" srcOrd="0" destOrd="0" presId="urn:microsoft.com/office/officeart/2008/layout/VerticalCurvedList"/>
    <dgm:cxn modelId="{26E81BE1-F584-4F4F-AAAE-B458D238E925}" type="presOf" srcId="{25A019B0-BADE-4D4F-AE21-C431E48CA8E6}" destId="{30D7A3BD-A985-4B89-979C-5DED69277EDF}" srcOrd="0" destOrd="0" presId="urn:microsoft.com/office/officeart/2008/layout/VerticalCurvedList"/>
    <dgm:cxn modelId="{77BA23EB-160F-4FB3-8EF6-2B9C8D4BABAD}" type="presOf" srcId="{59E7A78C-725F-40CA-A1A9-968D90C10E34}" destId="{A6859757-F752-449C-80F4-FF139487BC5B}" srcOrd="0" destOrd="0" presId="urn:microsoft.com/office/officeart/2008/layout/VerticalCurvedList"/>
    <dgm:cxn modelId="{1409C6EC-6506-48B6-B65E-3DF446E3430A}" type="presOf" srcId="{B8F3F61E-718A-43D3-8D97-F176A2A6DD1C}" destId="{77CDFC54-34DA-4B47-A9EF-FE35A52C2E20}" srcOrd="0" destOrd="0" presId="urn:microsoft.com/office/officeart/2008/layout/VerticalCurvedList"/>
    <dgm:cxn modelId="{C3460AF2-9AD6-483E-9D11-844D2B42B74F}" srcId="{85942ED2-E86D-4EA0-B490-00EB705AE339}" destId="{2A57F155-1C30-412C-9797-0BAA5E401EBB}" srcOrd="1" destOrd="0" parTransId="{0B5C857C-0085-4E5B-B0FE-33BD0ABF0D71}" sibTransId="{E4541B7D-39D2-434F-AFB4-7993E479CDEB}"/>
    <dgm:cxn modelId="{AF20D8F8-AD24-41B9-A087-1D4EC65F3D72}" type="presOf" srcId="{3FD4FC73-9898-4FE8-B840-4C58D07429EE}" destId="{B293E512-85FF-4892-B592-C9BD9945DCC8}" srcOrd="0" destOrd="0" presId="urn:microsoft.com/office/officeart/2008/layout/VerticalCurvedList"/>
    <dgm:cxn modelId="{EC1D0A92-1AAE-4BC0-81F8-286D4068F679}" type="presParOf" srcId="{78D4CE9D-10E3-4289-A050-ADFCEFD7F204}" destId="{C3CAB19C-A23F-45D3-B630-3AABC714DF98}" srcOrd="0" destOrd="0" presId="urn:microsoft.com/office/officeart/2008/layout/VerticalCurvedList"/>
    <dgm:cxn modelId="{C3922277-A6A7-436E-92A3-B149E7FF7101}" type="presParOf" srcId="{C3CAB19C-A23F-45D3-B630-3AABC714DF98}" destId="{83713741-29DD-4EF9-AC68-DDB32955A11B}" srcOrd="0" destOrd="0" presId="urn:microsoft.com/office/officeart/2008/layout/VerticalCurvedList"/>
    <dgm:cxn modelId="{65DB1450-96FF-4C33-88B5-D4DE5B62F360}" type="presParOf" srcId="{83713741-29DD-4EF9-AC68-DDB32955A11B}" destId="{8243D64D-FB1B-459E-969A-C44A5D16B8A9}" srcOrd="0" destOrd="0" presId="urn:microsoft.com/office/officeart/2008/layout/VerticalCurvedList"/>
    <dgm:cxn modelId="{8EF02655-B157-4025-8D9A-6AD315E32ABE}" type="presParOf" srcId="{83713741-29DD-4EF9-AC68-DDB32955A11B}" destId="{A6859757-F752-449C-80F4-FF139487BC5B}" srcOrd="1" destOrd="0" presId="urn:microsoft.com/office/officeart/2008/layout/VerticalCurvedList"/>
    <dgm:cxn modelId="{A933E6FB-4D49-48F8-AB6A-CDA36309B1DA}" type="presParOf" srcId="{83713741-29DD-4EF9-AC68-DDB32955A11B}" destId="{B19C3E1D-26EF-42D6-9F55-E04B53CB76EF}" srcOrd="2" destOrd="0" presId="urn:microsoft.com/office/officeart/2008/layout/VerticalCurvedList"/>
    <dgm:cxn modelId="{FEF5FFF4-A120-4C57-9B23-AA014880F86D}" type="presParOf" srcId="{83713741-29DD-4EF9-AC68-DDB32955A11B}" destId="{EF80BB4A-20B8-4729-A22F-36C011EBB54E}" srcOrd="3" destOrd="0" presId="urn:microsoft.com/office/officeart/2008/layout/VerticalCurvedList"/>
    <dgm:cxn modelId="{6CC094D8-E357-43CA-99C3-10DC0D8E9B2F}" type="presParOf" srcId="{C3CAB19C-A23F-45D3-B630-3AABC714DF98}" destId="{B293E512-85FF-4892-B592-C9BD9945DCC8}" srcOrd="1" destOrd="0" presId="urn:microsoft.com/office/officeart/2008/layout/VerticalCurvedList"/>
    <dgm:cxn modelId="{B0C880C2-E318-4575-A97E-15C1409C971B}" type="presParOf" srcId="{C3CAB19C-A23F-45D3-B630-3AABC714DF98}" destId="{15A6974D-86E7-41B5-999F-E11799528FF4}" srcOrd="2" destOrd="0" presId="urn:microsoft.com/office/officeart/2008/layout/VerticalCurvedList"/>
    <dgm:cxn modelId="{3251A065-F290-4318-878A-B72737351BC1}" type="presParOf" srcId="{15A6974D-86E7-41B5-999F-E11799528FF4}" destId="{FD0C532E-0D05-4466-858B-25436094ACEB}" srcOrd="0" destOrd="0" presId="urn:microsoft.com/office/officeart/2008/layout/VerticalCurvedList"/>
    <dgm:cxn modelId="{6CE4E7C4-DFF0-46B6-9A9D-01FE0052E4C1}" type="presParOf" srcId="{C3CAB19C-A23F-45D3-B630-3AABC714DF98}" destId="{44C5EE60-0543-4D58-B08D-E0CF4F6573CF}" srcOrd="3" destOrd="0" presId="urn:microsoft.com/office/officeart/2008/layout/VerticalCurvedList"/>
    <dgm:cxn modelId="{09F23DAE-0B3F-4101-8543-4F143D9371B6}" type="presParOf" srcId="{C3CAB19C-A23F-45D3-B630-3AABC714DF98}" destId="{2CDF9016-F2CB-4BF8-B349-DBBAF73D9AF6}" srcOrd="4" destOrd="0" presId="urn:microsoft.com/office/officeart/2008/layout/VerticalCurvedList"/>
    <dgm:cxn modelId="{C40B8BC3-37FE-4FC5-9AD7-07A4ED62EF97}" type="presParOf" srcId="{2CDF9016-F2CB-4BF8-B349-DBBAF73D9AF6}" destId="{A72A81FB-1B67-4C4B-9749-8A882A721E12}" srcOrd="0" destOrd="0" presId="urn:microsoft.com/office/officeart/2008/layout/VerticalCurvedList"/>
    <dgm:cxn modelId="{432B8B63-42AD-49A6-94A1-9A85296C4420}" type="presParOf" srcId="{C3CAB19C-A23F-45D3-B630-3AABC714DF98}" destId="{30D7A3BD-A985-4B89-979C-5DED69277EDF}" srcOrd="5" destOrd="0" presId="urn:microsoft.com/office/officeart/2008/layout/VerticalCurvedList"/>
    <dgm:cxn modelId="{ECB5278E-572F-4036-B12F-FAB8BFAB021F}" type="presParOf" srcId="{C3CAB19C-A23F-45D3-B630-3AABC714DF98}" destId="{F4C9F733-A0EC-4A14-8FA3-C804C4B35228}" srcOrd="6" destOrd="0" presId="urn:microsoft.com/office/officeart/2008/layout/VerticalCurvedList"/>
    <dgm:cxn modelId="{577A1D30-FE83-4995-BC3C-F9F84E2A5462}" type="presParOf" srcId="{F4C9F733-A0EC-4A14-8FA3-C804C4B35228}" destId="{B682B8EE-512E-40CA-8F7E-5585B5344615}" srcOrd="0" destOrd="0" presId="urn:microsoft.com/office/officeart/2008/layout/VerticalCurvedList"/>
    <dgm:cxn modelId="{DFE9841A-0360-4D36-8413-F312EE326098}" type="presParOf" srcId="{C3CAB19C-A23F-45D3-B630-3AABC714DF98}" destId="{5916395F-A049-4F8B-8BCE-145F4DB9615A}" srcOrd="7" destOrd="0" presId="urn:microsoft.com/office/officeart/2008/layout/VerticalCurvedList"/>
    <dgm:cxn modelId="{5129A026-3F85-4FA0-B713-AE0BF0F4EA92}" type="presParOf" srcId="{C3CAB19C-A23F-45D3-B630-3AABC714DF98}" destId="{54E424A3-6432-48ED-A436-5B696FC85CEF}" srcOrd="8" destOrd="0" presId="urn:microsoft.com/office/officeart/2008/layout/VerticalCurvedList"/>
    <dgm:cxn modelId="{549C8B3F-99B6-4F05-9F18-6437C7EF6DAC}" type="presParOf" srcId="{54E424A3-6432-48ED-A436-5B696FC85CEF}" destId="{C8D876A3-2611-43ED-9BED-47681F4A4BC0}" srcOrd="0" destOrd="0" presId="urn:microsoft.com/office/officeart/2008/layout/VerticalCurvedList"/>
    <dgm:cxn modelId="{C2C3732D-33F3-4A2E-B9BE-76F1ACDDB0A0}" type="presParOf" srcId="{C3CAB19C-A23F-45D3-B630-3AABC714DF98}" destId="{B5B78132-69E4-49AA-ABA6-C1F3346AD5A4}" srcOrd="9" destOrd="0" presId="urn:microsoft.com/office/officeart/2008/layout/VerticalCurvedList"/>
    <dgm:cxn modelId="{F614FD00-58CF-43AD-A7E8-A7F8FA1E60AF}" type="presParOf" srcId="{C3CAB19C-A23F-45D3-B630-3AABC714DF98}" destId="{4E18CE2B-CF33-4906-BD18-E5FA4D458D23}" srcOrd="10" destOrd="0" presId="urn:microsoft.com/office/officeart/2008/layout/VerticalCurvedList"/>
    <dgm:cxn modelId="{E6F2B348-2B28-4970-A16C-7636D1821F3E}" type="presParOf" srcId="{4E18CE2B-CF33-4906-BD18-E5FA4D458D23}" destId="{44A956C1-835A-4BEF-8411-C0D84ABCED85}" srcOrd="0" destOrd="0" presId="urn:microsoft.com/office/officeart/2008/layout/VerticalCurvedList"/>
    <dgm:cxn modelId="{194F951C-E032-45EF-9408-19531CC2D12E}" type="presParOf" srcId="{C3CAB19C-A23F-45D3-B630-3AABC714DF98}" destId="{EC7453C3-B474-46F3-9DF4-62867CB711D5}" srcOrd="11" destOrd="0" presId="urn:microsoft.com/office/officeart/2008/layout/VerticalCurvedList"/>
    <dgm:cxn modelId="{5E617D48-4F59-488F-87EB-7C467D2D06EC}" type="presParOf" srcId="{C3CAB19C-A23F-45D3-B630-3AABC714DF98}" destId="{243D55A2-5EDA-4D6A-8503-94BE490EE9A0}" srcOrd="12" destOrd="0" presId="urn:microsoft.com/office/officeart/2008/layout/VerticalCurvedList"/>
    <dgm:cxn modelId="{4161C093-67A7-4105-B0C6-CF163843B40E}" type="presParOf" srcId="{243D55A2-5EDA-4D6A-8503-94BE490EE9A0}" destId="{08621CDD-B157-4D01-BF7D-B7EEE818265A}" srcOrd="0" destOrd="0" presId="urn:microsoft.com/office/officeart/2008/layout/VerticalCurvedList"/>
    <dgm:cxn modelId="{0071B1E1-D323-4E36-8D58-6E29713C3779}" type="presParOf" srcId="{C3CAB19C-A23F-45D3-B630-3AABC714DF98}" destId="{77CDFC54-34DA-4B47-A9EF-FE35A52C2E20}" srcOrd="13" destOrd="0" presId="urn:microsoft.com/office/officeart/2008/layout/VerticalCurvedList"/>
    <dgm:cxn modelId="{AA74C373-AFB6-4706-B096-B448F7BD54A5}" type="presParOf" srcId="{C3CAB19C-A23F-45D3-B630-3AABC714DF98}" destId="{BBF3C6A0-6F78-4609-BA53-842D31321166}" srcOrd="14" destOrd="0" presId="urn:microsoft.com/office/officeart/2008/layout/VerticalCurvedList"/>
    <dgm:cxn modelId="{5FF3343A-4256-4EE8-AD54-6A9B517E293B}" type="presParOf" srcId="{BBF3C6A0-6F78-4609-BA53-842D31321166}" destId="{2E44AB76-01EE-493C-9B74-2B1B5F3DD211}" srcOrd="0" destOrd="0" presId="urn:microsoft.com/office/officeart/2008/layout/VerticalCurvedLis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59DFC5F4-5E64-40D1-AD93-B8BEF9B766F9}">
      <dsp:nvSpPr>
        <dsp:cNvPr id="0" name=""/>
        <dsp:cNvSpPr/>
      </dsp:nvSpPr>
      <dsp:spPr>
        <a:xfrm>
          <a:off x="210500" y="172963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1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Сотрудники </a:t>
          </a:r>
          <a:r>
            <a:rPr lang="en-US" sz="1200" kern="1200" dirty="0"/>
            <a:t>HR </a:t>
          </a:r>
          <a:r>
            <a:rPr lang="ru-RU" sz="1200" kern="1200" dirty="0"/>
            <a:t>отдела банка</a:t>
          </a:r>
        </a:p>
      </dsp:txBody>
      <dsp:txXfrm>
        <a:off x="210500" y="172963"/>
        <a:ext cx="3626413" cy="686558"/>
      </dsp:txXfrm>
    </dsp:sp>
    <dsp:sp modelId="{F2C3F5A8-1FAF-4B6E-A441-D6278F640344}">
      <dsp:nvSpPr>
        <dsp:cNvPr id="0" name=""/>
        <dsp:cNvSpPr/>
      </dsp:nvSpPr>
      <dsp:spPr>
        <a:xfrm>
          <a:off x="53346" y="73793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07E270EC-A75D-435E-846B-0826555653C0}">
      <dsp:nvSpPr>
        <dsp:cNvPr id="0" name=""/>
        <dsp:cNvSpPr/>
      </dsp:nvSpPr>
      <dsp:spPr>
        <a:xfrm>
          <a:off x="210500" y="1037263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2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Сотрудники банка (по отделам)</a:t>
          </a:r>
        </a:p>
      </dsp:txBody>
      <dsp:txXfrm>
        <a:off x="210500" y="1037263"/>
        <a:ext cx="3626413" cy="686558"/>
      </dsp:txXfrm>
    </dsp:sp>
    <dsp:sp modelId="{1C0C19C6-76FA-415C-B312-E278EAEBEE96}">
      <dsp:nvSpPr>
        <dsp:cNvPr id="0" name=""/>
        <dsp:cNvSpPr/>
      </dsp:nvSpPr>
      <dsp:spPr>
        <a:xfrm>
          <a:off x="53346" y="938094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8000" r="-28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122B05B-2C46-44FD-969B-DC0C7FDCAB3D}">
      <dsp:nvSpPr>
        <dsp:cNvPr id="0" name=""/>
        <dsp:cNvSpPr/>
      </dsp:nvSpPr>
      <dsp:spPr>
        <a:xfrm>
          <a:off x="210500" y="1901564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3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Потенциальные сотрудники банка</a:t>
          </a:r>
        </a:p>
      </dsp:txBody>
      <dsp:txXfrm>
        <a:off x="210500" y="1901564"/>
        <a:ext cx="3626413" cy="686558"/>
      </dsp:txXfrm>
    </dsp:sp>
    <dsp:sp modelId="{58926B62-4C27-4E49-9D4A-2F027AD1E7B5}">
      <dsp:nvSpPr>
        <dsp:cNvPr id="0" name=""/>
        <dsp:cNvSpPr/>
      </dsp:nvSpPr>
      <dsp:spPr>
        <a:xfrm>
          <a:off x="53346" y="1802395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5000" r="-25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10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2B2F0182-B1CD-4262-BE84-CB7DF88EFF36}">
      <dsp:nvSpPr>
        <dsp:cNvPr id="0" name=""/>
        <dsp:cNvSpPr/>
      </dsp:nvSpPr>
      <dsp:spPr>
        <a:xfrm>
          <a:off x="0" y="3098608"/>
          <a:ext cx="2693492" cy="406690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лагины</a:t>
          </a:r>
          <a:r>
            <a:rPr lang="en-US" sz="1000" kern="1200" dirty="0"/>
            <a:t> JS</a:t>
          </a:r>
          <a:r>
            <a:rPr lang="ru-RU" sz="1000" kern="1200" dirty="0"/>
            <a:t> </a:t>
          </a:r>
        </a:p>
      </dsp:txBody>
      <dsp:txXfrm>
        <a:off x="0" y="3098608"/>
        <a:ext cx="2693492" cy="406690"/>
      </dsp:txXfrm>
    </dsp:sp>
    <dsp:sp modelId="{9CE090A4-C21E-4D9A-BBF5-2BA5BBBC0E69}">
      <dsp:nvSpPr>
        <dsp:cNvPr id="0" name=""/>
        <dsp:cNvSpPr/>
      </dsp:nvSpPr>
      <dsp:spPr>
        <a:xfrm rot="10800000">
          <a:off x="0" y="247921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00" kern="1200" dirty="0"/>
            <a:t>jQuery</a:t>
          </a:r>
          <a:endParaRPr lang="ru-RU" sz="1000" kern="1200" dirty="0"/>
        </a:p>
      </dsp:txBody>
      <dsp:txXfrm rot="10800000">
        <a:off x="0" y="2479218"/>
        <a:ext cx="2693492" cy="406425"/>
      </dsp:txXfrm>
    </dsp:sp>
    <dsp:sp modelId="{B881AFAB-E24A-4642-9F73-5710340EA484}">
      <dsp:nvSpPr>
        <dsp:cNvPr id="0" name=""/>
        <dsp:cNvSpPr/>
      </dsp:nvSpPr>
      <dsp:spPr>
        <a:xfrm rot="10800000">
          <a:off x="0" y="185982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00" kern="1200" dirty="0"/>
            <a:t>JavaScript</a:t>
          </a:r>
          <a:endParaRPr lang="ru-RU" sz="1000" kern="1200" dirty="0"/>
        </a:p>
      </dsp:txBody>
      <dsp:txXfrm rot="10800000">
        <a:off x="0" y="1859828"/>
        <a:ext cx="2693492" cy="406425"/>
      </dsp:txXfrm>
    </dsp:sp>
    <dsp:sp modelId="{1154D68F-3E34-449A-BF75-DEA870976B04}">
      <dsp:nvSpPr>
        <dsp:cNvPr id="0" name=""/>
        <dsp:cNvSpPr/>
      </dsp:nvSpPr>
      <dsp:spPr>
        <a:xfrm rot="10800000">
          <a:off x="0" y="124043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Технология </a:t>
          </a:r>
          <a:r>
            <a:rPr lang="en-US" sz="1000" kern="1200" dirty="0"/>
            <a:t>CSS flexbox</a:t>
          </a:r>
          <a:endParaRPr lang="ru-RU" sz="1000" kern="1200" dirty="0"/>
        </a:p>
      </dsp:txBody>
      <dsp:txXfrm rot="10800000">
        <a:off x="0" y="1240438"/>
        <a:ext cx="2693492" cy="406425"/>
      </dsp:txXfrm>
    </dsp:sp>
    <dsp:sp modelId="{AB686A7B-4318-4220-AB13-AB53E338E4DA}">
      <dsp:nvSpPr>
        <dsp:cNvPr id="0" name=""/>
        <dsp:cNvSpPr/>
      </dsp:nvSpPr>
      <dsp:spPr>
        <a:xfrm rot="10800000">
          <a:off x="0" y="62104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Разделение кода</a:t>
          </a:r>
        </a:p>
      </dsp:txBody>
      <dsp:txXfrm rot="10800000">
        <a:off x="0" y="621048"/>
        <a:ext cx="2693492" cy="406425"/>
      </dsp:txXfrm>
    </dsp:sp>
    <dsp:sp modelId="{315E9B19-2BDB-4213-80AB-EDF0C47BFD2A}">
      <dsp:nvSpPr>
        <dsp:cNvPr id="0" name=""/>
        <dsp:cNvSpPr/>
      </dsp:nvSpPr>
      <dsp:spPr>
        <a:xfrm rot="10800000">
          <a:off x="0" y="165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Использование тега &lt;</a:t>
          </a:r>
          <a:r>
            <a:rPr lang="ru-RU" sz="1000" kern="1200" dirty="0" err="1"/>
            <a:t>div</a:t>
          </a:r>
          <a:r>
            <a:rPr lang="ru-RU" sz="1000" kern="1200" dirty="0"/>
            <a:t>&gt; как базового элемента блочной структуры сайта</a:t>
          </a:r>
        </a:p>
      </dsp:txBody>
      <dsp:txXfrm rot="10800000">
        <a:off x="0" y="1658"/>
        <a:ext cx="2693492" cy="406425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E03FE2E-56B6-465C-AA5C-25C7BB6018FD}">
      <dsp:nvSpPr>
        <dsp:cNvPr id="0" name=""/>
        <dsp:cNvSpPr/>
      </dsp:nvSpPr>
      <dsp:spPr>
        <a:xfrm>
          <a:off x="610476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5 – </a:t>
          </a:r>
          <a:r>
            <a:rPr lang="ru-RU" sz="1100" kern="1200" dirty="0"/>
            <a:t>Сравнительный анализ требований заказчика и ожиданий ЦА </a:t>
          </a:r>
        </a:p>
      </dsp:txBody>
      <dsp:txXfrm>
        <a:off x="610476" y="1337"/>
        <a:ext cx="1858732" cy="1115239"/>
      </dsp:txXfrm>
    </dsp:sp>
    <dsp:sp modelId="{21DCA15C-DB76-44C8-BEF7-B71960232F21}">
      <dsp:nvSpPr>
        <dsp:cNvPr id="0" name=""/>
        <dsp:cNvSpPr/>
      </dsp:nvSpPr>
      <dsp:spPr>
        <a:xfrm>
          <a:off x="2655081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6 – </a:t>
          </a:r>
          <a:r>
            <a:rPr lang="ru-RU" sz="1100" kern="1200" dirty="0"/>
            <a:t>Предполагаемый функционал сайта </a:t>
          </a:r>
          <a:r>
            <a:rPr lang="ru-RU" sz="1100" kern="1200" dirty="0" err="1"/>
            <a:t>проранжированный</a:t>
          </a:r>
          <a:r>
            <a:rPr lang="ru-RU" sz="1100" kern="1200" dirty="0"/>
            <a:t> по приоритетам по технике </a:t>
          </a:r>
          <a:r>
            <a:rPr lang="en-US" sz="1100" kern="1200" dirty="0" err="1"/>
            <a:t>MoSCoW</a:t>
          </a:r>
          <a:endParaRPr lang="ru-RU" sz="1100" kern="1200" dirty="0"/>
        </a:p>
      </dsp:txBody>
      <dsp:txXfrm>
        <a:off x="2655081" y="1337"/>
        <a:ext cx="1858732" cy="1115239"/>
      </dsp:txXfrm>
    </dsp:sp>
    <dsp:sp modelId="{5556301F-FD6D-4D92-B879-943C4F8F084E}">
      <dsp:nvSpPr>
        <dsp:cNvPr id="0" name=""/>
        <dsp:cNvSpPr/>
      </dsp:nvSpPr>
      <dsp:spPr>
        <a:xfrm>
          <a:off x="4699687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7 – </a:t>
          </a:r>
          <a:r>
            <a:rPr lang="ru-RU" sz="1100" kern="1200" dirty="0"/>
            <a:t>Предполагаемый функционал сайта </a:t>
          </a:r>
          <a:r>
            <a:rPr lang="ru-RU" sz="1100" kern="1200" dirty="0" err="1"/>
            <a:t>проранжированный</a:t>
          </a:r>
          <a:r>
            <a:rPr lang="ru-RU" sz="1100" kern="1200" dirty="0"/>
            <a:t> по приоритетам по технике </a:t>
          </a:r>
          <a:r>
            <a:rPr lang="en-US" sz="1100" kern="1200" dirty="0"/>
            <a:t>NUF</a:t>
          </a:r>
          <a:endParaRPr lang="ru-RU" sz="1100" kern="1200" dirty="0"/>
        </a:p>
      </dsp:txBody>
      <dsp:txXfrm>
        <a:off x="4699687" y="1337"/>
        <a:ext cx="1858732" cy="1115239"/>
      </dsp:txXfrm>
    </dsp:sp>
    <dsp:sp modelId="{4E668195-D1A5-4985-BFA9-CB34BE10F11A}">
      <dsp:nvSpPr>
        <dsp:cNvPr id="0" name=""/>
        <dsp:cNvSpPr/>
      </dsp:nvSpPr>
      <dsp:spPr>
        <a:xfrm>
          <a:off x="1632779" y="1302450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Рисунок 1.1 – </a:t>
          </a:r>
          <a:r>
            <a:rPr lang="ru-RU" sz="1100" kern="1200" dirty="0"/>
            <a:t>Список функций по проекту по </a:t>
          </a:r>
          <a:r>
            <a:rPr lang="en-US" sz="1100" kern="1200" dirty="0"/>
            <a:t>CRUDL</a:t>
          </a:r>
          <a:r>
            <a:rPr lang="be-BY" sz="1100" kern="1200" dirty="0"/>
            <a:t> </a:t>
          </a:r>
          <a:r>
            <a:rPr lang="ru-RU" sz="1100" kern="1200" dirty="0"/>
            <a:t> подходу</a:t>
          </a:r>
        </a:p>
      </dsp:txBody>
      <dsp:txXfrm>
        <a:off x="1632779" y="1302450"/>
        <a:ext cx="1858732" cy="1115239"/>
      </dsp:txXfrm>
    </dsp:sp>
    <dsp:sp modelId="{36FCB608-18A1-4F32-B819-37257C20AABF}">
      <dsp:nvSpPr>
        <dsp:cNvPr id="0" name=""/>
        <dsp:cNvSpPr/>
      </dsp:nvSpPr>
      <dsp:spPr>
        <a:xfrm>
          <a:off x="3677384" y="1302450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Б.1.8 –</a:t>
          </a:r>
          <a:r>
            <a:rPr lang="ru-RU" sz="1100" kern="1200" dirty="0"/>
            <a:t> Функции, роли, приоритеты и номер релиза разрабатываемого веб-ресурса</a:t>
          </a:r>
        </a:p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1100" kern="1200" dirty="0"/>
        </a:p>
      </dsp:txBody>
      <dsp:txXfrm>
        <a:off x="3677384" y="1302450"/>
        <a:ext cx="1858732" cy="1115239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7199A46-4A7F-4DAE-AAC8-E9C0B349B3BC}">
      <dsp:nvSpPr>
        <dsp:cNvPr id="0" name=""/>
        <dsp:cNvSpPr/>
      </dsp:nvSpPr>
      <dsp:spPr>
        <a:xfrm>
          <a:off x="2073350" y="352177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396379"/>
        <a:ext cx="15180" cy="3036"/>
      </dsp:txXfrm>
    </dsp:sp>
    <dsp:sp modelId="{903D0818-8848-48DC-8409-AE655AEC44A9}">
      <dsp:nvSpPr>
        <dsp:cNvPr id="0" name=""/>
        <dsp:cNvSpPr/>
      </dsp:nvSpPr>
      <dsp:spPr>
        <a:xfrm>
          <a:off x="755067" y="1873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 Выявление критериев и направлений для анализа (таблица 1.10)</a:t>
          </a:r>
        </a:p>
      </dsp:txBody>
      <dsp:txXfrm>
        <a:off x="755067" y="1873"/>
        <a:ext cx="1320082" cy="792049"/>
      </dsp:txXfrm>
    </dsp:sp>
    <dsp:sp modelId="{22CA1137-3624-4E28-99A0-4B35A1D17EAB}">
      <dsp:nvSpPr>
        <dsp:cNvPr id="0" name=""/>
        <dsp:cNvSpPr/>
      </dsp:nvSpPr>
      <dsp:spPr>
        <a:xfrm>
          <a:off x="1415109" y="792122"/>
          <a:ext cx="1623701" cy="273019"/>
        </a:xfrm>
        <a:custGeom>
          <a:avLst/>
          <a:gdLst/>
          <a:ahLst/>
          <a:cxnLst/>
          <a:rect l="0" t="0" r="0" b="0"/>
          <a:pathLst>
            <a:path>
              <a:moveTo>
                <a:pt x="1623701" y="0"/>
              </a:moveTo>
              <a:lnTo>
                <a:pt x="1623701" y="153609"/>
              </a:lnTo>
              <a:lnTo>
                <a:pt x="0" y="153609"/>
              </a:lnTo>
              <a:lnTo>
                <a:pt x="0" y="273019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185663" y="927114"/>
        <a:ext cx="82592" cy="3036"/>
      </dsp:txXfrm>
    </dsp:sp>
    <dsp:sp modelId="{1CE38B92-91AF-4BF8-ABF5-F08354B49B26}">
      <dsp:nvSpPr>
        <dsp:cNvPr id="0" name=""/>
        <dsp:cNvSpPr/>
      </dsp:nvSpPr>
      <dsp:spPr>
        <a:xfrm>
          <a:off x="2378769" y="1873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2. Формирование фокус-группы аналогов</a:t>
          </a:r>
        </a:p>
      </dsp:txBody>
      <dsp:txXfrm>
        <a:off x="2378769" y="1873"/>
        <a:ext cx="1320082" cy="792049"/>
      </dsp:txXfrm>
    </dsp:sp>
    <dsp:sp modelId="{7DAC6781-1975-41DC-9F27-06EB9C5384FC}">
      <dsp:nvSpPr>
        <dsp:cNvPr id="0" name=""/>
        <dsp:cNvSpPr/>
      </dsp:nvSpPr>
      <dsp:spPr>
        <a:xfrm>
          <a:off x="2073350" y="1447846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1492048"/>
        <a:ext cx="15180" cy="3036"/>
      </dsp:txXfrm>
    </dsp:sp>
    <dsp:sp modelId="{DB1A2407-2073-4570-AA78-D95220D19120}">
      <dsp:nvSpPr>
        <dsp:cNvPr id="0" name=""/>
        <dsp:cNvSpPr/>
      </dsp:nvSpPr>
      <dsp:spPr>
        <a:xfrm>
          <a:off x="755067" y="1097541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3. Сравнительная характеристика (таблица Г.1.11)</a:t>
          </a:r>
        </a:p>
      </dsp:txBody>
      <dsp:txXfrm>
        <a:off x="755067" y="1097541"/>
        <a:ext cx="1320082" cy="792049"/>
      </dsp:txXfrm>
    </dsp:sp>
    <dsp:sp modelId="{6D91DC93-CE74-41CE-B358-F131B2DF7129}">
      <dsp:nvSpPr>
        <dsp:cNvPr id="0" name=""/>
        <dsp:cNvSpPr/>
      </dsp:nvSpPr>
      <dsp:spPr>
        <a:xfrm>
          <a:off x="1415109" y="1887791"/>
          <a:ext cx="1623701" cy="273019"/>
        </a:xfrm>
        <a:custGeom>
          <a:avLst/>
          <a:gdLst/>
          <a:ahLst/>
          <a:cxnLst/>
          <a:rect l="0" t="0" r="0" b="0"/>
          <a:pathLst>
            <a:path>
              <a:moveTo>
                <a:pt x="1623701" y="0"/>
              </a:moveTo>
              <a:lnTo>
                <a:pt x="1623701" y="153609"/>
              </a:lnTo>
              <a:lnTo>
                <a:pt x="0" y="153609"/>
              </a:lnTo>
              <a:lnTo>
                <a:pt x="0" y="273019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185663" y="2022782"/>
        <a:ext cx="82592" cy="3036"/>
      </dsp:txXfrm>
    </dsp:sp>
    <dsp:sp modelId="{10CE2E2D-316A-41C1-A836-7BE943A2AEDD}">
      <dsp:nvSpPr>
        <dsp:cNvPr id="0" name=""/>
        <dsp:cNvSpPr/>
      </dsp:nvSpPr>
      <dsp:spPr>
        <a:xfrm>
          <a:off x="2378769" y="1097541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4. График оценки сравнения критериев анализа аналогов (таблица Д.1.12 и рисунок 1.2)</a:t>
          </a:r>
        </a:p>
      </dsp:txBody>
      <dsp:txXfrm>
        <a:off x="2378769" y="1097541"/>
        <a:ext cx="1320082" cy="792049"/>
      </dsp:txXfrm>
    </dsp:sp>
    <dsp:sp modelId="{80D08CDA-1D3A-4F71-9F79-6DE27C3D03F9}">
      <dsp:nvSpPr>
        <dsp:cNvPr id="0" name=""/>
        <dsp:cNvSpPr/>
      </dsp:nvSpPr>
      <dsp:spPr>
        <a:xfrm>
          <a:off x="2073350" y="2543515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2587717"/>
        <a:ext cx="15180" cy="3036"/>
      </dsp:txXfrm>
    </dsp:sp>
    <dsp:sp modelId="{C9D7495E-6D4D-491C-86DD-D50E2CDAABD1}">
      <dsp:nvSpPr>
        <dsp:cNvPr id="0" name=""/>
        <dsp:cNvSpPr/>
      </dsp:nvSpPr>
      <dsp:spPr>
        <a:xfrm>
          <a:off x="755067" y="2193210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5. Аналитический отчет (таблица Е.1.13)</a:t>
          </a:r>
        </a:p>
      </dsp:txBody>
      <dsp:txXfrm>
        <a:off x="755067" y="2193210"/>
        <a:ext cx="1320082" cy="792049"/>
      </dsp:txXfrm>
    </dsp:sp>
    <dsp:sp modelId="{53E7C22F-CD47-470A-B4EF-FCB462409D6B}">
      <dsp:nvSpPr>
        <dsp:cNvPr id="0" name=""/>
        <dsp:cNvSpPr/>
      </dsp:nvSpPr>
      <dsp:spPr>
        <a:xfrm>
          <a:off x="2378769" y="2193210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6. Итоговая концепция сайта</a:t>
          </a:r>
        </a:p>
      </dsp:txBody>
      <dsp:txXfrm>
        <a:off x="2378769" y="2193210"/>
        <a:ext cx="1320082" cy="792049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26BDF80-E84D-4F3B-83CD-BE3E7C2F011E}">
      <dsp:nvSpPr>
        <dsp:cNvPr id="0" name=""/>
        <dsp:cNvSpPr/>
      </dsp:nvSpPr>
      <dsp:spPr>
        <a:xfrm>
          <a:off x="0" y="2659231"/>
          <a:ext cx="3048000" cy="249335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/>
            <a:t>1.2.7 Дизайн сайта</a:t>
          </a:r>
        </a:p>
      </dsp:txBody>
      <dsp:txXfrm>
        <a:off x="0" y="2659231"/>
        <a:ext cx="3048000" cy="249335"/>
      </dsp:txXfrm>
    </dsp:sp>
    <dsp:sp modelId="{0A9BC20E-919F-48BD-BFFE-7D47E051F7E8}">
      <dsp:nvSpPr>
        <dsp:cNvPr id="0" name=""/>
        <dsp:cNvSpPr/>
      </dsp:nvSpPr>
      <dsp:spPr>
        <a:xfrm rot="10800000">
          <a:off x="0" y="2279492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6 Техническая реализация</a:t>
          </a:r>
        </a:p>
      </dsp:txBody>
      <dsp:txXfrm rot="10800000">
        <a:off x="0" y="2279492"/>
        <a:ext cx="3048000" cy="249173"/>
      </dsp:txXfrm>
    </dsp:sp>
    <dsp:sp modelId="{051D4E8A-0024-47D9-AA06-468CCC988743}">
      <dsp:nvSpPr>
        <dsp:cNvPr id="0" name=""/>
        <dsp:cNvSpPr/>
      </dsp:nvSpPr>
      <dsp:spPr>
        <a:xfrm rot="10800000">
          <a:off x="0" y="1899754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5 Навигация</a:t>
          </a:r>
        </a:p>
      </dsp:txBody>
      <dsp:txXfrm rot="10800000">
        <a:off x="0" y="1899754"/>
        <a:ext cx="3048000" cy="249173"/>
      </dsp:txXfrm>
    </dsp:sp>
    <dsp:sp modelId="{3E29C8D9-BE30-4AF3-A65B-DEC01A792398}">
      <dsp:nvSpPr>
        <dsp:cNvPr id="0" name=""/>
        <dsp:cNvSpPr/>
      </dsp:nvSpPr>
      <dsp:spPr>
        <a:xfrm rot="10800000">
          <a:off x="0" y="1520015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4 Сервисы сайта</a:t>
          </a:r>
        </a:p>
      </dsp:txBody>
      <dsp:txXfrm rot="10800000">
        <a:off x="0" y="1520015"/>
        <a:ext cx="3048000" cy="249173"/>
      </dsp:txXfrm>
    </dsp:sp>
    <dsp:sp modelId="{6D3930F9-E6B7-4F73-82EF-7F48727C7BF4}">
      <dsp:nvSpPr>
        <dsp:cNvPr id="0" name=""/>
        <dsp:cNvSpPr/>
      </dsp:nvSpPr>
      <dsp:spPr>
        <a:xfrm rot="10800000">
          <a:off x="0" y="1140277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3 Информационная архитектура</a:t>
          </a:r>
        </a:p>
      </dsp:txBody>
      <dsp:txXfrm rot="10800000">
        <a:off x="0" y="1140277"/>
        <a:ext cx="3048000" cy="249173"/>
      </dsp:txXfrm>
    </dsp:sp>
    <dsp:sp modelId="{306AC0F1-0D16-40D9-BD5A-66AA49921FFF}">
      <dsp:nvSpPr>
        <dsp:cNvPr id="0" name=""/>
        <dsp:cNvSpPr/>
      </dsp:nvSpPr>
      <dsp:spPr>
        <a:xfrm rot="10800000">
          <a:off x="0" y="760538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2 Бизнес-риски</a:t>
          </a:r>
        </a:p>
      </dsp:txBody>
      <dsp:txXfrm rot="10800000">
        <a:off x="0" y="760538"/>
        <a:ext cx="3048000" cy="249173"/>
      </dsp:txXfrm>
    </dsp:sp>
    <dsp:sp modelId="{96BD24E9-2802-4569-B83E-645682C35E1B}">
      <dsp:nvSpPr>
        <dsp:cNvPr id="0" name=""/>
        <dsp:cNvSpPr/>
      </dsp:nvSpPr>
      <dsp:spPr>
        <a:xfrm rot="10800000">
          <a:off x="0" y="380800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1 О продукте</a:t>
          </a:r>
        </a:p>
      </dsp:txBody>
      <dsp:txXfrm rot="10800000">
        <a:off x="0" y="380800"/>
        <a:ext cx="3048000" cy="249173"/>
      </dsp:txXfrm>
    </dsp:sp>
    <dsp:sp modelId="{CCA4ADEF-3CB8-4D65-AC24-C2A005FF1840}">
      <dsp:nvSpPr>
        <dsp:cNvPr id="0" name=""/>
        <dsp:cNvSpPr/>
      </dsp:nvSpPr>
      <dsp:spPr>
        <a:xfrm rot="10800000">
          <a:off x="0" y="1061"/>
          <a:ext cx="3048000" cy="383478"/>
        </a:xfrm>
        <a:prstGeom prst="upArrowCallout">
          <a:avLst/>
        </a:prstGeom>
        <a:solidFill>
          <a:srgbClr val="8AB832"/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b="1" kern="1200" dirty="0">
              <a:solidFill>
                <a:schemeClr val="bg1"/>
              </a:solidFill>
            </a:rPr>
            <a:t>Техническая концепция</a:t>
          </a:r>
        </a:p>
      </dsp:txBody>
      <dsp:txXfrm rot="10800000">
        <a:off x="0" y="1061"/>
        <a:ext cx="3048000" cy="249173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89F4AE43-CAAB-43CC-89A5-581DA36468EE}">
      <dsp:nvSpPr>
        <dsp:cNvPr id="0" name=""/>
        <dsp:cNvSpPr/>
      </dsp:nvSpPr>
      <dsp:spPr>
        <a:xfrm>
          <a:off x="0" y="2659231"/>
          <a:ext cx="3048000" cy="249335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7 Порядок контроля и приемки работ по созданию Ресурса</a:t>
          </a:r>
        </a:p>
      </dsp:txBody>
      <dsp:txXfrm>
        <a:off x="0" y="2659231"/>
        <a:ext cx="3048000" cy="249335"/>
      </dsp:txXfrm>
    </dsp:sp>
    <dsp:sp modelId="{9C27A2E5-9D39-4DE9-9236-737C9C393715}">
      <dsp:nvSpPr>
        <dsp:cNvPr id="0" name=""/>
        <dsp:cNvSpPr/>
      </dsp:nvSpPr>
      <dsp:spPr>
        <a:xfrm rot="10800000">
          <a:off x="0" y="2279492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6 Перечень и описание версий Ресурса</a:t>
          </a:r>
        </a:p>
      </dsp:txBody>
      <dsp:txXfrm rot="10800000">
        <a:off x="0" y="2279492"/>
        <a:ext cx="3048000" cy="249173"/>
      </dsp:txXfrm>
    </dsp:sp>
    <dsp:sp modelId="{FBD26201-9733-4706-99A8-7D7FB1CD108C}">
      <dsp:nvSpPr>
        <dsp:cNvPr id="0" name=""/>
        <dsp:cNvSpPr/>
      </dsp:nvSpPr>
      <dsp:spPr>
        <a:xfrm rot="10800000">
          <a:off x="0" y="1899754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5 Вид и содержание страниц Ресурса</a:t>
          </a:r>
        </a:p>
      </dsp:txBody>
      <dsp:txXfrm rot="10800000">
        <a:off x="0" y="1899754"/>
        <a:ext cx="3048000" cy="249173"/>
      </dsp:txXfrm>
    </dsp:sp>
    <dsp:sp modelId="{49B5CD3F-9231-4AA0-9D6A-4302188E02AB}">
      <dsp:nvSpPr>
        <dsp:cNvPr id="0" name=""/>
        <dsp:cNvSpPr/>
      </dsp:nvSpPr>
      <dsp:spPr>
        <a:xfrm rot="10800000">
          <a:off x="0" y="1520015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4 Описания сервисов</a:t>
          </a:r>
        </a:p>
      </dsp:txBody>
      <dsp:txXfrm rot="10800000">
        <a:off x="0" y="1520015"/>
        <a:ext cx="3048000" cy="249173"/>
      </dsp:txXfrm>
    </dsp:sp>
    <dsp:sp modelId="{2E56E58B-C0C4-4778-8BFA-BA3316C4FA08}">
      <dsp:nvSpPr>
        <dsp:cNvPr id="0" name=""/>
        <dsp:cNvSpPr/>
      </dsp:nvSpPr>
      <dsp:spPr>
        <a:xfrm rot="10800000">
          <a:off x="0" y="1140277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3 Описания ролей на сайте и какие у кого возможности</a:t>
          </a:r>
        </a:p>
      </dsp:txBody>
      <dsp:txXfrm rot="10800000">
        <a:off x="0" y="1140277"/>
        <a:ext cx="3048000" cy="249173"/>
      </dsp:txXfrm>
    </dsp:sp>
    <dsp:sp modelId="{C66E1284-9C88-4702-91DB-7807B5A2F172}">
      <dsp:nvSpPr>
        <dsp:cNvPr id="0" name=""/>
        <dsp:cNvSpPr/>
      </dsp:nvSpPr>
      <dsp:spPr>
        <a:xfrm rot="10800000">
          <a:off x="0" y="760538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2 Требования к Ресурсу</a:t>
          </a:r>
        </a:p>
      </dsp:txBody>
      <dsp:txXfrm rot="10800000">
        <a:off x="0" y="760538"/>
        <a:ext cx="3048000" cy="249173"/>
      </dsp:txXfrm>
    </dsp:sp>
    <dsp:sp modelId="{E688A76E-30F7-4115-AF8B-6E9E2DD656E0}">
      <dsp:nvSpPr>
        <dsp:cNvPr id="0" name=""/>
        <dsp:cNvSpPr/>
      </dsp:nvSpPr>
      <dsp:spPr>
        <a:xfrm rot="10800000">
          <a:off x="0" y="380800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1	Общие сведения</a:t>
          </a:r>
        </a:p>
      </dsp:txBody>
      <dsp:txXfrm rot="10800000">
        <a:off x="0" y="380800"/>
        <a:ext cx="3048000" cy="249173"/>
      </dsp:txXfrm>
    </dsp:sp>
    <dsp:sp modelId="{8A97E5BA-CE42-43ED-B775-69C3949636F6}">
      <dsp:nvSpPr>
        <dsp:cNvPr id="0" name=""/>
        <dsp:cNvSpPr/>
      </dsp:nvSpPr>
      <dsp:spPr>
        <a:xfrm rot="10800000">
          <a:off x="0" y="1061"/>
          <a:ext cx="3048000" cy="383478"/>
        </a:xfrm>
        <a:prstGeom prst="upArrowCallout">
          <a:avLst/>
        </a:prstGeom>
        <a:solidFill>
          <a:srgbClr val="8AB832"/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b="1" kern="1200" dirty="0">
              <a:solidFill>
                <a:schemeClr val="bg1"/>
              </a:solidFill>
            </a:rPr>
            <a:t>Техническое задание</a:t>
          </a:r>
        </a:p>
      </dsp:txBody>
      <dsp:txXfrm rot="10800000">
        <a:off x="0" y="1061"/>
        <a:ext cx="3048000" cy="249173"/>
      </dsp:txXfrm>
    </dsp:sp>
  </dsp:spTree>
</dsp:drawing>
</file>

<file path=ppt/diagrams/drawing6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425207FF-09E6-4930-95D9-A1E46B0C2BC4}">
      <dsp:nvSpPr>
        <dsp:cNvPr id="0" name=""/>
        <dsp:cNvSpPr/>
      </dsp:nvSpPr>
      <dsp:spPr>
        <a:xfrm>
          <a:off x="-2501412" y="-386228"/>
          <a:ext cx="2986574" cy="2986574"/>
        </a:xfrm>
        <a:prstGeom prst="blockArc">
          <a:avLst>
            <a:gd name="adj1" fmla="val 18900000"/>
            <a:gd name="adj2" fmla="val 2700000"/>
            <a:gd name="adj3" fmla="val 723"/>
          </a:avLst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8A6BD8C2-F4A7-4EB4-9D5B-4B871F682334}">
      <dsp:nvSpPr>
        <dsp:cNvPr id="0" name=""/>
        <dsp:cNvSpPr/>
      </dsp:nvSpPr>
      <dsp:spPr>
        <a:xfrm>
          <a:off x="254780" y="170221"/>
          <a:ext cx="3906773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1. Проведение аттестации сотрудника банка </a:t>
          </a:r>
        </a:p>
      </dsp:txBody>
      <dsp:txXfrm>
        <a:off x="254780" y="170221"/>
        <a:ext cx="3906773" cy="340619"/>
      </dsp:txXfrm>
    </dsp:sp>
    <dsp:sp modelId="{1935044E-8AC0-4060-BC35-B75FA1FDF0EA}">
      <dsp:nvSpPr>
        <dsp:cNvPr id="0" name=""/>
        <dsp:cNvSpPr/>
      </dsp:nvSpPr>
      <dsp:spPr>
        <a:xfrm>
          <a:off x="41893" y="127643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E5B4BBB-29E2-4FE2-8836-4565B1C53F8A}">
      <dsp:nvSpPr>
        <dsp:cNvPr id="0" name=""/>
        <dsp:cNvSpPr/>
      </dsp:nvSpPr>
      <dsp:spPr>
        <a:xfrm>
          <a:off x="450065" y="681239"/>
          <a:ext cx="3711488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2. Оценка профессиональной пригодности нового сотрудника</a:t>
          </a:r>
        </a:p>
      </dsp:txBody>
      <dsp:txXfrm>
        <a:off x="450065" y="681239"/>
        <a:ext cx="3711488" cy="340619"/>
      </dsp:txXfrm>
    </dsp:sp>
    <dsp:sp modelId="{2F32FED6-9D93-429B-9435-7D0680112081}">
      <dsp:nvSpPr>
        <dsp:cNvPr id="0" name=""/>
        <dsp:cNvSpPr/>
      </dsp:nvSpPr>
      <dsp:spPr>
        <a:xfrm>
          <a:off x="237178" y="638662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18A158DF-6D62-42D7-825C-76D4A7C8EADB}">
      <dsp:nvSpPr>
        <dsp:cNvPr id="0" name=""/>
        <dsp:cNvSpPr/>
      </dsp:nvSpPr>
      <dsp:spPr>
        <a:xfrm>
          <a:off x="450065" y="1192258"/>
          <a:ext cx="3711488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/>
            <a:t>Бизнес-процесс №3. Обучение сотрудника банка</a:t>
          </a:r>
          <a:endParaRPr lang="ru-RU" sz="1000" kern="1200" dirty="0"/>
        </a:p>
      </dsp:txBody>
      <dsp:txXfrm>
        <a:off x="450065" y="1192258"/>
        <a:ext cx="3711488" cy="340619"/>
      </dsp:txXfrm>
    </dsp:sp>
    <dsp:sp modelId="{7C3E30E5-2AE9-4D80-9CE3-54A0133A8D0A}">
      <dsp:nvSpPr>
        <dsp:cNvPr id="0" name=""/>
        <dsp:cNvSpPr/>
      </dsp:nvSpPr>
      <dsp:spPr>
        <a:xfrm>
          <a:off x="237178" y="1149680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DA8509A-BEB8-497B-9085-BF1479402BB2}">
      <dsp:nvSpPr>
        <dsp:cNvPr id="0" name=""/>
        <dsp:cNvSpPr/>
      </dsp:nvSpPr>
      <dsp:spPr>
        <a:xfrm>
          <a:off x="254780" y="1703276"/>
          <a:ext cx="3906773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4. Организация коммуникации/обратной связи пользователей с сотрудниками </a:t>
          </a:r>
          <a:r>
            <a:rPr lang="en-US" sz="1000" kern="1200" dirty="0"/>
            <a:t>HR </a:t>
          </a:r>
          <a:r>
            <a:rPr lang="ru-RU" sz="1000" kern="1200" dirty="0"/>
            <a:t>отдела</a:t>
          </a:r>
        </a:p>
      </dsp:txBody>
      <dsp:txXfrm>
        <a:off x="254780" y="1703276"/>
        <a:ext cx="3906773" cy="340619"/>
      </dsp:txXfrm>
    </dsp:sp>
    <dsp:sp modelId="{413CC6CF-7C62-4A4F-A1FF-8C1E4CABBF75}">
      <dsp:nvSpPr>
        <dsp:cNvPr id="0" name=""/>
        <dsp:cNvSpPr/>
      </dsp:nvSpPr>
      <dsp:spPr>
        <a:xfrm>
          <a:off x="41893" y="1660699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7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2DF15C72-93B2-44A4-93AD-D136E0526E8E}">
      <dsp:nvSpPr>
        <dsp:cNvPr id="0" name=""/>
        <dsp:cNvSpPr/>
      </dsp:nvSpPr>
      <dsp:spPr>
        <a:xfrm>
          <a:off x="1914487" y="236"/>
          <a:ext cx="1007566" cy="503783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5240" tIns="10160" rIns="15240" bIns="10160" numCol="1" spcCol="1270" anchor="ctr" anchorCtr="0">
          <a:noAutofit/>
        </a:bodyPr>
        <a:lstStyle/>
        <a:p>
          <a:pPr marL="0" lvl="0" indent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800" kern="1200" dirty="0"/>
            <a:t>2. Цель: узнать свои результаты и ошибки. Сценарий:</a:t>
          </a:r>
        </a:p>
      </dsp:txBody>
      <dsp:txXfrm>
        <a:off x="1929242" y="14991"/>
        <a:ext cx="978056" cy="474273"/>
      </dsp:txXfrm>
    </dsp:sp>
    <dsp:sp modelId="{B9138825-26AF-494E-99E8-964830E0B21C}">
      <dsp:nvSpPr>
        <dsp:cNvPr id="0" name=""/>
        <dsp:cNvSpPr/>
      </dsp:nvSpPr>
      <dsp:spPr>
        <a:xfrm>
          <a:off x="2015244" y="504019"/>
          <a:ext cx="100756" cy="377837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77837"/>
              </a:lnTo>
              <a:lnTo>
                <a:pt x="100756" y="377837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3A9FFF2E-6B88-41A3-8371-D8404259E177}">
      <dsp:nvSpPr>
        <dsp:cNvPr id="0" name=""/>
        <dsp:cNvSpPr/>
      </dsp:nvSpPr>
      <dsp:spPr>
        <a:xfrm>
          <a:off x="2116001" y="629965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ользователь находится на главной странице.</a:t>
          </a:r>
        </a:p>
      </dsp:txBody>
      <dsp:txXfrm>
        <a:off x="2130756" y="644720"/>
        <a:ext cx="776543" cy="474273"/>
      </dsp:txXfrm>
    </dsp:sp>
    <dsp:sp modelId="{61C0AC90-C9A8-40FB-8D91-A8C1E9EF94BB}">
      <dsp:nvSpPr>
        <dsp:cNvPr id="0" name=""/>
        <dsp:cNvSpPr/>
      </dsp:nvSpPr>
      <dsp:spPr>
        <a:xfrm>
          <a:off x="2015244" y="504019"/>
          <a:ext cx="100756" cy="1007566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007566"/>
              </a:lnTo>
              <a:lnTo>
                <a:pt x="100756" y="1007566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86E4FD6-D5BE-4AEE-824F-5D9DE26A5D09}">
      <dsp:nvSpPr>
        <dsp:cNvPr id="0" name=""/>
        <dsp:cNvSpPr/>
      </dsp:nvSpPr>
      <dsp:spPr>
        <a:xfrm>
          <a:off x="2116001" y="1259694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ереходит в раздел «Результаты».</a:t>
          </a:r>
        </a:p>
      </dsp:txBody>
      <dsp:txXfrm>
        <a:off x="2130756" y="1274449"/>
        <a:ext cx="776543" cy="474273"/>
      </dsp:txXfrm>
    </dsp:sp>
    <dsp:sp modelId="{8864B89F-D90F-4FD9-B03E-9083EC6B85C4}">
      <dsp:nvSpPr>
        <dsp:cNvPr id="0" name=""/>
        <dsp:cNvSpPr/>
      </dsp:nvSpPr>
      <dsp:spPr>
        <a:xfrm>
          <a:off x="2015244" y="504019"/>
          <a:ext cx="100756" cy="1637295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637295"/>
              </a:lnTo>
              <a:lnTo>
                <a:pt x="100756" y="1637295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E8CE5F8D-C342-44B8-AA85-FD45EE0608B7}">
      <dsp:nvSpPr>
        <dsp:cNvPr id="0" name=""/>
        <dsp:cNvSpPr/>
      </dsp:nvSpPr>
      <dsp:spPr>
        <a:xfrm>
          <a:off x="2116001" y="1889423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Видит все выполненные им тесты.</a:t>
          </a:r>
        </a:p>
      </dsp:txBody>
      <dsp:txXfrm>
        <a:off x="2130756" y="1904178"/>
        <a:ext cx="776543" cy="474273"/>
      </dsp:txXfrm>
    </dsp:sp>
    <dsp:sp modelId="{D445493C-8C24-4180-81D3-4158D8DB32B4}">
      <dsp:nvSpPr>
        <dsp:cNvPr id="0" name=""/>
        <dsp:cNvSpPr/>
      </dsp:nvSpPr>
      <dsp:spPr>
        <a:xfrm>
          <a:off x="2015244" y="504019"/>
          <a:ext cx="100756" cy="2267024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267024"/>
              </a:lnTo>
              <a:lnTo>
                <a:pt x="100756" y="2267024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7DC1066C-5050-4244-B112-A5702C6EAE4F}">
      <dsp:nvSpPr>
        <dsp:cNvPr id="0" name=""/>
        <dsp:cNvSpPr/>
      </dsp:nvSpPr>
      <dsp:spPr>
        <a:xfrm>
          <a:off x="2116001" y="2519152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Выбирает нужный тест.</a:t>
          </a:r>
        </a:p>
      </dsp:txBody>
      <dsp:txXfrm>
        <a:off x="2130756" y="2533907"/>
        <a:ext cx="776543" cy="474273"/>
      </dsp:txXfrm>
    </dsp:sp>
    <dsp:sp modelId="{4ADB65EB-6E70-4297-96C2-1B01F00E1E15}">
      <dsp:nvSpPr>
        <dsp:cNvPr id="0" name=""/>
        <dsp:cNvSpPr/>
      </dsp:nvSpPr>
      <dsp:spPr>
        <a:xfrm>
          <a:off x="2015244" y="504019"/>
          <a:ext cx="100756" cy="2896753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896753"/>
              </a:lnTo>
              <a:lnTo>
                <a:pt x="100756" y="2896753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71200F3B-DB0F-4477-A15A-679E05085F25}">
      <dsp:nvSpPr>
        <dsp:cNvPr id="0" name=""/>
        <dsp:cNvSpPr/>
      </dsp:nvSpPr>
      <dsp:spPr>
        <a:xfrm>
          <a:off x="2116001" y="3148881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росматривает задания и правильные ответы к ним.</a:t>
          </a:r>
        </a:p>
      </dsp:txBody>
      <dsp:txXfrm>
        <a:off x="2130756" y="3163636"/>
        <a:ext cx="776543" cy="474273"/>
      </dsp:txXfrm>
    </dsp:sp>
    <dsp:sp modelId="{02FBE7BF-A3C1-4C2A-8632-E4F7B5B3FBAC}">
      <dsp:nvSpPr>
        <dsp:cNvPr id="0" name=""/>
        <dsp:cNvSpPr/>
      </dsp:nvSpPr>
      <dsp:spPr>
        <a:xfrm>
          <a:off x="2015244" y="504019"/>
          <a:ext cx="100756" cy="3526482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526482"/>
              </a:lnTo>
              <a:lnTo>
                <a:pt x="100756" y="3526482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ED7478F3-A5ED-4D77-A4B7-9AFD406EF1E6}">
      <dsp:nvSpPr>
        <dsp:cNvPr id="0" name=""/>
        <dsp:cNvSpPr/>
      </dsp:nvSpPr>
      <dsp:spPr>
        <a:xfrm>
          <a:off x="2116001" y="3778610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ри необходимости выгружает отчет по тесту.</a:t>
          </a:r>
        </a:p>
      </dsp:txBody>
      <dsp:txXfrm>
        <a:off x="2130756" y="3793365"/>
        <a:ext cx="776543" cy="474273"/>
      </dsp:txXfrm>
    </dsp:sp>
    <dsp:sp modelId="{F3B2D03E-B7FA-4A0C-AD02-49ADEFD31E23}">
      <dsp:nvSpPr>
        <dsp:cNvPr id="0" name=""/>
        <dsp:cNvSpPr/>
      </dsp:nvSpPr>
      <dsp:spPr>
        <a:xfrm>
          <a:off x="3173945" y="236"/>
          <a:ext cx="1007566" cy="503783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5240" tIns="10160" rIns="15240" bIns="10160" numCol="1" spcCol="1270" anchor="ctr" anchorCtr="0">
          <a:noAutofit/>
        </a:bodyPr>
        <a:lstStyle/>
        <a:p>
          <a:pPr marL="0" lvl="0" indent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800" kern="1200" dirty="0"/>
            <a:t>3. Цель: связь с сотрудниками HR отдела. Сценарий:</a:t>
          </a:r>
        </a:p>
      </dsp:txBody>
      <dsp:txXfrm>
        <a:off x="3188700" y="14991"/>
        <a:ext cx="978056" cy="474273"/>
      </dsp:txXfrm>
    </dsp:sp>
    <dsp:sp modelId="{91500BA8-1733-4B32-8166-2B0C9C73A8A9}">
      <dsp:nvSpPr>
        <dsp:cNvPr id="0" name=""/>
        <dsp:cNvSpPr/>
      </dsp:nvSpPr>
      <dsp:spPr>
        <a:xfrm>
          <a:off x="3274702" y="504019"/>
          <a:ext cx="100756" cy="377837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77837"/>
              </a:lnTo>
              <a:lnTo>
                <a:pt x="100756" y="377837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11115A35-0432-4810-B58B-A585F34C94DC}">
      <dsp:nvSpPr>
        <dsp:cNvPr id="0" name=""/>
        <dsp:cNvSpPr/>
      </dsp:nvSpPr>
      <dsp:spPr>
        <a:xfrm>
          <a:off x="3375459" y="629965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У пользователя возникает вопрос.</a:t>
          </a:r>
        </a:p>
      </dsp:txBody>
      <dsp:txXfrm>
        <a:off x="3390214" y="644720"/>
        <a:ext cx="776543" cy="474273"/>
      </dsp:txXfrm>
    </dsp:sp>
    <dsp:sp modelId="{1D4E4B9A-C0DF-4087-A707-9B8E3434B631}">
      <dsp:nvSpPr>
        <dsp:cNvPr id="0" name=""/>
        <dsp:cNvSpPr/>
      </dsp:nvSpPr>
      <dsp:spPr>
        <a:xfrm>
          <a:off x="3274702" y="504019"/>
          <a:ext cx="100756" cy="1007566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007566"/>
              </a:lnTo>
              <a:lnTo>
                <a:pt x="100756" y="1007566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F8EE779-EE24-4B64-93FA-13CA6CF24E11}">
      <dsp:nvSpPr>
        <dsp:cNvPr id="0" name=""/>
        <dsp:cNvSpPr/>
      </dsp:nvSpPr>
      <dsp:spPr>
        <a:xfrm>
          <a:off x="3375459" y="1259694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ользователь находится на главной странице.</a:t>
          </a:r>
        </a:p>
      </dsp:txBody>
      <dsp:txXfrm>
        <a:off x="3390214" y="1274449"/>
        <a:ext cx="776543" cy="474273"/>
      </dsp:txXfrm>
    </dsp:sp>
    <dsp:sp modelId="{86FB3597-3235-41A8-8108-A58BACA9DFBF}">
      <dsp:nvSpPr>
        <dsp:cNvPr id="0" name=""/>
        <dsp:cNvSpPr/>
      </dsp:nvSpPr>
      <dsp:spPr>
        <a:xfrm>
          <a:off x="3274702" y="504019"/>
          <a:ext cx="100756" cy="1637295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637295"/>
              </a:lnTo>
              <a:lnTo>
                <a:pt x="100756" y="1637295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892AF4EC-123C-4402-9DF1-466E8D2D49F9}">
      <dsp:nvSpPr>
        <dsp:cNvPr id="0" name=""/>
        <dsp:cNvSpPr/>
      </dsp:nvSpPr>
      <dsp:spPr>
        <a:xfrm>
          <a:off x="3375459" y="1889423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Он переходит в раздел «Поддержка».</a:t>
          </a:r>
        </a:p>
      </dsp:txBody>
      <dsp:txXfrm>
        <a:off x="3390214" y="1904178"/>
        <a:ext cx="776543" cy="474273"/>
      </dsp:txXfrm>
    </dsp:sp>
    <dsp:sp modelId="{BAEEDCBE-E06C-4CB8-8902-E4B899A4F47E}">
      <dsp:nvSpPr>
        <dsp:cNvPr id="0" name=""/>
        <dsp:cNvSpPr/>
      </dsp:nvSpPr>
      <dsp:spPr>
        <a:xfrm>
          <a:off x="3274702" y="504019"/>
          <a:ext cx="100756" cy="2267024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267024"/>
              </a:lnTo>
              <a:lnTo>
                <a:pt x="100756" y="2267024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9634F2CF-200C-4CAC-B61F-60B71C318BA0}">
      <dsp:nvSpPr>
        <dsp:cNvPr id="0" name=""/>
        <dsp:cNvSpPr/>
      </dsp:nvSpPr>
      <dsp:spPr>
        <a:xfrm>
          <a:off x="3375459" y="2519152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И заполняет форму обратной связи, указывая свои данные для связи.</a:t>
          </a:r>
        </a:p>
      </dsp:txBody>
      <dsp:txXfrm>
        <a:off x="3390214" y="2533907"/>
        <a:ext cx="776543" cy="474273"/>
      </dsp:txXfrm>
    </dsp:sp>
    <dsp:sp modelId="{A999C9CE-4819-4F1D-A9D1-A26BBA828984}">
      <dsp:nvSpPr>
        <dsp:cNvPr id="0" name=""/>
        <dsp:cNvSpPr/>
      </dsp:nvSpPr>
      <dsp:spPr>
        <a:xfrm>
          <a:off x="3274702" y="504019"/>
          <a:ext cx="100756" cy="2896753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896753"/>
              </a:lnTo>
              <a:lnTo>
                <a:pt x="100756" y="2896753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53FEAD5-9149-4642-ADB8-A7E7F45DCE35}">
      <dsp:nvSpPr>
        <dsp:cNvPr id="0" name=""/>
        <dsp:cNvSpPr/>
      </dsp:nvSpPr>
      <dsp:spPr>
        <a:xfrm>
          <a:off x="3375459" y="3148881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Сотрудник </a:t>
          </a:r>
          <a:r>
            <a:rPr lang="en-US" sz="500" kern="1200" dirty="0"/>
            <a:t>HR </a:t>
          </a:r>
          <a:r>
            <a:rPr lang="ru-RU" sz="500" kern="1200" dirty="0"/>
            <a:t>отдела в последующем связывается с данным пользователем.</a:t>
          </a:r>
        </a:p>
      </dsp:txBody>
      <dsp:txXfrm>
        <a:off x="3390214" y="3163636"/>
        <a:ext cx="776543" cy="474273"/>
      </dsp:txXfrm>
    </dsp:sp>
  </dsp:spTree>
</dsp:drawing>
</file>

<file path=ppt/diagrams/drawing8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249DB80-2D20-4A15-8007-45F507E7A71B}">
      <dsp:nvSpPr>
        <dsp:cNvPr id="0" name=""/>
        <dsp:cNvSpPr/>
      </dsp:nvSpPr>
      <dsp:spPr>
        <a:xfrm>
          <a:off x="406457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 dirty="0"/>
            <a:t>Форма «Добавить событие».</a:t>
          </a:r>
        </a:p>
      </dsp:txBody>
      <dsp:txXfrm>
        <a:off x="406457" y="2295"/>
        <a:ext cx="1026145" cy="615687"/>
      </dsp:txXfrm>
    </dsp:sp>
    <dsp:sp modelId="{041A63F3-EE42-4F34-B3A6-2490D5163CA1}">
      <dsp:nvSpPr>
        <dsp:cNvPr id="0" name=""/>
        <dsp:cNvSpPr/>
      </dsp:nvSpPr>
      <dsp:spPr>
        <a:xfrm>
          <a:off x="1535218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 dirty="0"/>
            <a:t>Посмотреть расписание (список событий/календарь).</a:t>
          </a:r>
        </a:p>
      </dsp:txBody>
      <dsp:txXfrm>
        <a:off x="1535218" y="2295"/>
        <a:ext cx="1026145" cy="615687"/>
      </dsp:txXfrm>
    </dsp:sp>
    <dsp:sp modelId="{DF480031-9796-4E43-8A43-4CFE33FC5958}">
      <dsp:nvSpPr>
        <dsp:cNvPr id="0" name=""/>
        <dsp:cNvSpPr/>
      </dsp:nvSpPr>
      <dsp:spPr>
        <a:xfrm>
          <a:off x="2663978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определенное событие.</a:t>
          </a:r>
        </a:p>
      </dsp:txBody>
      <dsp:txXfrm>
        <a:off x="2663978" y="2295"/>
        <a:ext cx="1026145" cy="615687"/>
      </dsp:txXfrm>
    </dsp:sp>
    <dsp:sp modelId="{820AD5AB-6B37-4B68-A7F3-5B5AE2F900D9}">
      <dsp:nvSpPr>
        <dsp:cNvPr id="0" name=""/>
        <dsp:cNvSpPr/>
      </dsp:nvSpPr>
      <dsp:spPr>
        <a:xfrm>
          <a:off x="406457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учебные материалы.</a:t>
          </a:r>
        </a:p>
      </dsp:txBody>
      <dsp:txXfrm>
        <a:off x="406457" y="720597"/>
        <a:ext cx="1026145" cy="615687"/>
      </dsp:txXfrm>
    </dsp:sp>
    <dsp:sp modelId="{370D4D5F-210F-452C-9F08-A389CE60F245}">
      <dsp:nvSpPr>
        <dsp:cNvPr id="0" name=""/>
        <dsp:cNvSpPr/>
      </dsp:nvSpPr>
      <dsp:spPr>
        <a:xfrm>
          <a:off x="1535218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пользователей и их деятельность.</a:t>
          </a:r>
        </a:p>
      </dsp:txBody>
      <dsp:txXfrm>
        <a:off x="1535218" y="720597"/>
        <a:ext cx="1026145" cy="615687"/>
      </dsp:txXfrm>
    </dsp:sp>
    <dsp:sp modelId="{CC4593CE-6F87-4B31-A171-444886C45E45}">
      <dsp:nvSpPr>
        <dsp:cNvPr id="0" name=""/>
        <dsp:cNvSpPr/>
      </dsp:nvSpPr>
      <dsp:spPr>
        <a:xfrm>
          <a:off x="2663978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правила пользования веб-ресурсом.</a:t>
          </a:r>
        </a:p>
      </dsp:txBody>
      <dsp:txXfrm>
        <a:off x="2663978" y="720597"/>
        <a:ext cx="1026145" cy="615687"/>
      </dsp:txXfrm>
    </dsp:sp>
    <dsp:sp modelId="{E052B1C5-3170-4E9E-B0ED-D195AE646F61}">
      <dsp:nvSpPr>
        <dsp:cNvPr id="0" name=""/>
        <dsp:cNvSpPr/>
      </dsp:nvSpPr>
      <dsp:spPr>
        <a:xfrm>
          <a:off x="406457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обратной связи.</a:t>
          </a:r>
        </a:p>
      </dsp:txBody>
      <dsp:txXfrm>
        <a:off x="406457" y="1438899"/>
        <a:ext cx="1026145" cy="615687"/>
      </dsp:txXfrm>
    </dsp:sp>
    <dsp:sp modelId="{94B10E46-132C-4C82-B7B5-4E7BC5D8AC11}">
      <dsp:nvSpPr>
        <dsp:cNvPr id="0" name=""/>
        <dsp:cNvSpPr/>
      </dsp:nvSpPr>
      <dsp:spPr>
        <a:xfrm>
          <a:off x="1535218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и отредактировать личную информацию.</a:t>
          </a:r>
        </a:p>
      </dsp:txBody>
      <dsp:txXfrm>
        <a:off x="1535218" y="1438899"/>
        <a:ext cx="1026145" cy="615687"/>
      </dsp:txXfrm>
    </dsp:sp>
    <dsp:sp modelId="{05FC952F-C705-4021-9AA6-86C9BFB88265}">
      <dsp:nvSpPr>
        <dsp:cNvPr id="0" name=""/>
        <dsp:cNvSpPr/>
      </dsp:nvSpPr>
      <dsp:spPr>
        <a:xfrm>
          <a:off x="2663978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Входа.</a:t>
          </a:r>
        </a:p>
      </dsp:txBody>
      <dsp:txXfrm>
        <a:off x="2663978" y="1438899"/>
        <a:ext cx="1026145" cy="615687"/>
      </dsp:txXfrm>
    </dsp:sp>
    <dsp:sp modelId="{68FD3129-B0F7-4234-B992-AEF27AAF36FC}">
      <dsp:nvSpPr>
        <dsp:cNvPr id="0" name=""/>
        <dsp:cNvSpPr/>
      </dsp:nvSpPr>
      <dsp:spPr>
        <a:xfrm>
          <a:off x="406457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имеющиеся тесты в системе.</a:t>
          </a:r>
        </a:p>
      </dsp:txBody>
      <dsp:txXfrm>
        <a:off x="406457" y="2157201"/>
        <a:ext cx="1026145" cy="615687"/>
      </dsp:txXfrm>
    </dsp:sp>
    <dsp:sp modelId="{72ADAF7D-3E32-4321-BB9F-CD9A32F5ACCD}">
      <dsp:nvSpPr>
        <dsp:cNvPr id="0" name=""/>
        <dsp:cNvSpPr/>
      </dsp:nvSpPr>
      <dsp:spPr>
        <a:xfrm>
          <a:off x="1535218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Регистрации.</a:t>
          </a:r>
        </a:p>
      </dsp:txBody>
      <dsp:txXfrm>
        <a:off x="1535218" y="2157201"/>
        <a:ext cx="1026145" cy="615687"/>
      </dsp:txXfrm>
    </dsp:sp>
    <dsp:sp modelId="{596962F3-5166-4CD1-983E-2BEC70B230FE}">
      <dsp:nvSpPr>
        <dsp:cNvPr id="0" name=""/>
        <dsp:cNvSpPr/>
      </dsp:nvSpPr>
      <dsp:spPr>
        <a:xfrm>
          <a:off x="2663978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йти тест.</a:t>
          </a:r>
        </a:p>
      </dsp:txBody>
      <dsp:txXfrm>
        <a:off x="2663978" y="2157201"/>
        <a:ext cx="1026145" cy="615687"/>
      </dsp:txXfrm>
    </dsp:sp>
    <dsp:sp modelId="{58175F80-A8C4-415C-8E7B-A7B41614ED4F}">
      <dsp:nvSpPr>
        <dsp:cNvPr id="0" name=""/>
        <dsp:cNvSpPr/>
      </dsp:nvSpPr>
      <dsp:spPr>
        <a:xfrm>
          <a:off x="406457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результаты теста.</a:t>
          </a:r>
        </a:p>
      </dsp:txBody>
      <dsp:txXfrm>
        <a:off x="406457" y="2875503"/>
        <a:ext cx="1026145" cy="615687"/>
      </dsp:txXfrm>
    </dsp:sp>
    <dsp:sp modelId="{ECD3F48D-B6C4-42B4-83AA-2629E002B886}">
      <dsp:nvSpPr>
        <dsp:cNvPr id="0" name=""/>
        <dsp:cNvSpPr/>
      </dsp:nvSpPr>
      <dsp:spPr>
        <a:xfrm>
          <a:off x="1535218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Выгрузка отчета.</a:t>
          </a:r>
        </a:p>
      </dsp:txBody>
      <dsp:txXfrm>
        <a:off x="1535218" y="2875503"/>
        <a:ext cx="1026145" cy="615687"/>
      </dsp:txXfrm>
    </dsp:sp>
    <dsp:sp modelId="{9E5DC777-BF9E-48F7-8D54-B6033B5EAC09}">
      <dsp:nvSpPr>
        <dsp:cNvPr id="0" name=""/>
        <dsp:cNvSpPr/>
      </dsp:nvSpPr>
      <dsp:spPr>
        <a:xfrm>
          <a:off x="2663978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иск по странице.</a:t>
          </a:r>
        </a:p>
      </dsp:txBody>
      <dsp:txXfrm>
        <a:off x="2663978" y="2875503"/>
        <a:ext cx="1026145" cy="615687"/>
      </dsp:txXfrm>
    </dsp:sp>
  </dsp:spTree>
</dsp:drawing>
</file>

<file path=ppt/diagrams/drawing9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6859757-F752-449C-80F4-FF139487BC5B}">
      <dsp:nvSpPr>
        <dsp:cNvPr id="0" name=""/>
        <dsp:cNvSpPr/>
      </dsp:nvSpPr>
      <dsp:spPr>
        <a:xfrm>
          <a:off x="-4051272" y="-621847"/>
          <a:ext cx="4827696" cy="4827696"/>
        </a:xfrm>
        <a:prstGeom prst="blockArc">
          <a:avLst>
            <a:gd name="adj1" fmla="val 18900000"/>
            <a:gd name="adj2" fmla="val 2700000"/>
            <a:gd name="adj3" fmla="val 447"/>
          </a:avLst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293E512-85FF-4892-B592-C9BD9945DCC8}">
      <dsp:nvSpPr>
        <dsp:cNvPr id="0" name=""/>
        <dsp:cNvSpPr/>
      </dsp:nvSpPr>
      <dsp:spPr>
        <a:xfrm>
          <a:off x="251658" y="162928"/>
          <a:ext cx="6952436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Соблюдение информационного баланса</a:t>
          </a:r>
        </a:p>
      </dsp:txBody>
      <dsp:txXfrm>
        <a:off x="251658" y="162928"/>
        <a:ext cx="6952436" cy="325713"/>
      </dsp:txXfrm>
    </dsp:sp>
    <dsp:sp modelId="{FD0C532E-0D05-4466-858B-25436094ACEB}">
      <dsp:nvSpPr>
        <dsp:cNvPr id="0" name=""/>
        <dsp:cNvSpPr/>
      </dsp:nvSpPr>
      <dsp:spPr>
        <a:xfrm>
          <a:off x="48087" y="122214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4C5EE60-0543-4D58-B08D-E0CF4F6573CF}">
      <dsp:nvSpPr>
        <dsp:cNvPr id="0" name=""/>
        <dsp:cNvSpPr/>
      </dsp:nvSpPr>
      <dsp:spPr>
        <a:xfrm>
          <a:off x="546621" y="651786"/>
          <a:ext cx="6657472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одбор оптимальных цветовых, тоновых и шрифтовых решений</a:t>
          </a:r>
        </a:p>
      </dsp:txBody>
      <dsp:txXfrm>
        <a:off x="546621" y="651786"/>
        <a:ext cx="6657472" cy="325713"/>
      </dsp:txXfrm>
    </dsp:sp>
    <dsp:sp modelId="{A72A81FB-1B67-4C4B-9749-8A882A721E12}">
      <dsp:nvSpPr>
        <dsp:cNvPr id="0" name=""/>
        <dsp:cNvSpPr/>
      </dsp:nvSpPr>
      <dsp:spPr>
        <a:xfrm>
          <a:off x="343050" y="611072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0D7A3BD-A985-4B89-979C-5DED69277EDF}">
      <dsp:nvSpPr>
        <dsp:cNvPr id="0" name=""/>
        <dsp:cNvSpPr/>
      </dsp:nvSpPr>
      <dsp:spPr>
        <a:xfrm>
          <a:off x="708260" y="1140285"/>
          <a:ext cx="649583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и проектировании динамических элементов разумно минимизированы динамические изменения</a:t>
          </a:r>
        </a:p>
      </dsp:txBody>
      <dsp:txXfrm>
        <a:off x="708260" y="1140285"/>
        <a:ext cx="6495834" cy="325713"/>
      </dsp:txXfrm>
    </dsp:sp>
    <dsp:sp modelId="{B682B8EE-512E-40CA-8F7E-5585B5344615}">
      <dsp:nvSpPr>
        <dsp:cNvPr id="0" name=""/>
        <dsp:cNvSpPr/>
      </dsp:nvSpPr>
      <dsp:spPr>
        <a:xfrm>
          <a:off x="504688" y="1099571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5916395F-A049-4F8B-8BCE-145F4DB9615A}">
      <dsp:nvSpPr>
        <dsp:cNvPr id="0" name=""/>
        <dsp:cNvSpPr/>
      </dsp:nvSpPr>
      <dsp:spPr>
        <a:xfrm>
          <a:off x="759869" y="1629143"/>
          <a:ext cx="644422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и проектировании веб-сайта учтены особенности целевой аудитории</a:t>
          </a:r>
        </a:p>
      </dsp:txBody>
      <dsp:txXfrm>
        <a:off x="759869" y="1629143"/>
        <a:ext cx="6444224" cy="325713"/>
      </dsp:txXfrm>
    </dsp:sp>
    <dsp:sp modelId="{C8D876A3-2611-43ED-9BED-47681F4A4BC0}">
      <dsp:nvSpPr>
        <dsp:cNvPr id="0" name=""/>
        <dsp:cNvSpPr/>
      </dsp:nvSpPr>
      <dsp:spPr>
        <a:xfrm>
          <a:off x="556298" y="1588428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5B78132-69E4-49AA-ABA6-C1F3346AD5A4}">
      <dsp:nvSpPr>
        <dsp:cNvPr id="0" name=""/>
        <dsp:cNvSpPr/>
      </dsp:nvSpPr>
      <dsp:spPr>
        <a:xfrm>
          <a:off x="708260" y="2118000"/>
          <a:ext cx="649583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оектирование компоновки веб-страниц с учетом результатов исследований по изучению траектории движения глаз</a:t>
          </a:r>
        </a:p>
      </dsp:txBody>
      <dsp:txXfrm>
        <a:off x="708260" y="2118000"/>
        <a:ext cx="6495834" cy="325713"/>
      </dsp:txXfrm>
    </dsp:sp>
    <dsp:sp modelId="{44A956C1-835A-4BEF-8411-C0D84ABCED85}">
      <dsp:nvSpPr>
        <dsp:cNvPr id="0" name=""/>
        <dsp:cNvSpPr/>
      </dsp:nvSpPr>
      <dsp:spPr>
        <a:xfrm>
          <a:off x="504688" y="2077286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EC7453C3-B474-46F3-9DF4-62867CB711D5}">
      <dsp:nvSpPr>
        <dsp:cNvPr id="0" name=""/>
        <dsp:cNvSpPr/>
      </dsp:nvSpPr>
      <dsp:spPr>
        <a:xfrm>
          <a:off x="546621" y="2606499"/>
          <a:ext cx="6657472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одбор графического контента на основе существующих способов осмысления</a:t>
          </a:r>
        </a:p>
      </dsp:txBody>
      <dsp:txXfrm>
        <a:off x="546621" y="2606499"/>
        <a:ext cx="6657472" cy="325713"/>
      </dsp:txXfrm>
    </dsp:sp>
    <dsp:sp modelId="{08621CDD-B157-4D01-BF7D-B7EEE818265A}">
      <dsp:nvSpPr>
        <dsp:cNvPr id="0" name=""/>
        <dsp:cNvSpPr/>
      </dsp:nvSpPr>
      <dsp:spPr>
        <a:xfrm>
          <a:off x="343050" y="2565785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77CDFC54-34DA-4B47-A9EF-FE35A52C2E20}">
      <dsp:nvSpPr>
        <dsp:cNvPr id="0" name=""/>
        <dsp:cNvSpPr/>
      </dsp:nvSpPr>
      <dsp:spPr>
        <a:xfrm>
          <a:off x="251658" y="3095357"/>
          <a:ext cx="6952436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Отсутствие раздражителей, влияющих на внимание пользователя, поддержание комфортного объема внимания</a:t>
          </a:r>
        </a:p>
      </dsp:txBody>
      <dsp:txXfrm>
        <a:off x="251658" y="3095357"/>
        <a:ext cx="6952436" cy="325713"/>
      </dsp:txXfrm>
    </dsp:sp>
    <dsp:sp modelId="{2E44AB76-01EE-493C-9B74-2B1B5F3DD211}">
      <dsp:nvSpPr>
        <dsp:cNvPr id="0" name=""/>
        <dsp:cNvSpPr/>
      </dsp:nvSpPr>
      <dsp:spPr>
        <a:xfrm>
          <a:off x="48087" y="3054643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8/layout/PictureStrips">
  <dgm:title val=""/>
  <dgm:desc val=""/>
  <dgm:catLst>
    <dgm:cat type="list" pri="12500"/>
    <dgm:cat type="picture" pri="13000"/>
    <dgm:cat type="pictureconvert" pri="13000"/>
  </dgm:catLst>
  <dgm:sampData>
    <dgm:dataModel>
      <dgm:ptLst>
        <dgm:pt modelId="0" type="doc"/>
        <dgm:pt modelId="10">
          <dgm:prSet phldr="1"/>
        </dgm:pt>
        <dgm:pt modelId="20">
          <dgm:prSet phldr="1"/>
        </dgm:pt>
        <dgm:pt modelId="30">
          <dgm:prSet phldr="1"/>
        </dgm:pt>
      </dgm:ptLst>
      <dgm:cxnLst>
        <dgm:cxn modelId="40" srcId="0" destId="10" srcOrd="0" destOrd="0"/>
        <dgm:cxn modelId="50" srcId="0" destId="20" srcOrd="1" destOrd="0"/>
        <dgm:cxn modelId="60" srcId="0" destId="30" srcOrd="2" destOrd="0"/>
      </dgm:cxnLst>
      <dgm:bg/>
      <dgm:whole/>
    </dgm:dataModel>
  </dgm:sampData>
  <dgm:styleData>
    <dgm:dataModel>
      <dgm:ptLst>
        <dgm:pt modelId="0" type="doc"/>
        <dgm:pt modelId="10">
          <dgm:prSet phldr="1"/>
        </dgm:pt>
        <dgm:pt modelId="20">
          <dgm:prSet phldr="1"/>
        </dgm:pt>
      </dgm:ptLst>
      <dgm:cxnLst>
        <dgm:cxn modelId="40" srcId="0" destId="10" srcOrd="0" destOrd="0"/>
        <dgm:cxn modelId="50" srcId="0" destId="20" srcOrd="1" destOrd="0"/>
      </dgm:cxnLst>
      <dgm:bg/>
      <dgm:whole/>
    </dgm:dataModel>
  </dgm:styleData>
  <dgm:clrData>
    <dgm:dataModel>
      <dgm:ptLst>
        <dgm:pt modelId="0" type="doc"/>
        <dgm:pt modelId="10">
          <dgm:prSet phldr="1"/>
        </dgm:pt>
        <dgm:pt modelId="20">
          <dgm:prSet phldr="1"/>
        </dgm:pt>
        <dgm:pt modelId="30">
          <dgm:prSet phldr="1"/>
        </dgm:pt>
        <dgm:pt modelId="40">
          <dgm:prSet phldr="1"/>
        </dgm:pt>
      </dgm:ptLst>
      <dgm:cxnLst>
        <dgm:cxn modelId="40" srcId="0" destId="10" srcOrd="0" destOrd="0"/>
        <dgm:cxn modelId="50" srcId="0" destId="20" srcOrd="1" destOrd="0"/>
        <dgm:cxn modelId="60" srcId="0" destId="30" srcOrd="2" destOrd="0"/>
        <dgm:cxn modelId="70" srcId="0" destId="40" srcOrd="2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func="var" arg="dir" op="equ" val="norm">
        <dgm:alg type="snake">
          <dgm:param type="off" val="ctr"/>
        </dgm:alg>
      </dgm:if>
      <dgm:else name="Name3">
        <dgm:alg type="snake">
          <dgm:param type="off" val="ctr"/>
          <dgm:param type="grDir" val="tR"/>
        </dgm:alg>
      </dgm:else>
    </dgm:choose>
    <dgm:shape xmlns:r="http://schemas.openxmlformats.org/officeDocument/2006/relationships" r:blip="">
      <dgm:adjLst/>
    </dgm:shape>
    <dgm:constrLst>
      <dgm:constr type="primFontSz" for="des" ptType="node" op="equ" val="65"/>
      <dgm:constr type="w" for="ch" forName="composite" refType="w"/>
      <dgm:constr type="h" for="ch" forName="composite" refType="h"/>
      <dgm:constr type="sp" refType="h" refFor="ch" refForName="composite" op="equ" fact="0.1"/>
      <dgm:constr type="h" for="ch" forName="sibTrans" refType="h" refFor="ch" refForName="composite" op="equ" fact="0.1"/>
      <dgm:constr type="w" for="ch" forName="sibTrans" refType="h" refFor="ch" refForName="sibTrans" op="equ"/>
    </dgm:constrLst>
    <dgm:forEach name="nodesForEach" axis="ch" ptType="node">
      <dgm:layoutNode name="composite">
        <dgm:alg type="composite">
          <dgm:param type="ar" val="3"/>
        </dgm:alg>
        <dgm:shape xmlns:r="http://schemas.openxmlformats.org/officeDocument/2006/relationships" r:blip="">
          <dgm:adjLst/>
        </dgm:shape>
        <dgm:choose name="Name4">
          <dgm:if name="Name5" func="var" arg="dir" op="equ" val="norm">
            <dgm:constrLst>
              <dgm:constr type="l" for="ch" forName="rect1" refType="w" fact="0.04"/>
              <dgm:constr type="t" for="ch" forName="rect1" refType="h" fact="0.13"/>
              <dgm:constr type="w" for="ch" forName="rect1" refType="w" fact="0.96"/>
              <dgm:constr type="h" for="ch" forName="rect1" refType="h" fact="0.9"/>
              <dgm:constr type="l" for="ch" forName="rect2" refType="w" fact="0"/>
              <dgm:constr type="t" for="ch" forName="rect2" refType="h" fact="0"/>
              <dgm:constr type="w" for="ch" forName="rect2" refType="w" fact="0.21"/>
              <dgm:constr type="h" for="ch" forName="rect2" refType="w" fact="0.315"/>
            </dgm:constrLst>
          </dgm:if>
          <dgm:else name="Name6">
            <dgm:constrLst>
              <dgm:constr type="l" for="ch" forName="rect1" refType="w" fact="0"/>
              <dgm:constr type="t" for="ch" forName="rect1" refType="h" fact="0.13"/>
              <dgm:constr type="w" for="ch" forName="rect1" refType="w" fact="0.96"/>
              <dgm:constr type="h" for="ch" forName="rect1" refType="h" fact="0.9"/>
              <dgm:constr type="l" for="ch" forName="rect2" refType="w" fact="0.79"/>
              <dgm:constr type="t" for="ch" forName="rect2" refType="h" fact="0"/>
              <dgm:constr type="w" for="ch" forName="rect2" refType="w" fact="0.21"/>
              <dgm:constr type="h" for="ch" forName="rect2" refType="w" fact="0.315"/>
            </dgm:constrLst>
          </dgm:else>
        </dgm:choose>
        <dgm:layoutNode name="rect1" styleLbl="trAlignAcc1">
          <dgm:varLst>
            <dgm:bulletEnabled val="1"/>
          </dgm:varLst>
          <dgm:alg type="tx">
            <dgm:param type="parTxLTRAlign" val="l"/>
          </dgm:alg>
          <dgm:shape xmlns:r="http://schemas.openxmlformats.org/officeDocument/2006/relationships" type="rect" r:blip="">
            <dgm:adjLst/>
          </dgm:shape>
          <dgm:presOf axis="desOrSelf" ptType="node"/>
          <dgm:choose name="Name7">
            <dgm:if name="Name8" func="var" arg="dir" op="equ" val="norm">
              <dgm:constrLst>
                <dgm:constr type="lMarg" refType="w" fact="0.6"/>
                <dgm:constr type="rMarg" refType="primFontSz" fact="0.3"/>
                <dgm:constr type="tMarg" refType="primFontSz" fact="0.3"/>
                <dgm:constr type="bMarg" refType="primFontSz" fact="0.3"/>
              </dgm:constrLst>
            </dgm:if>
            <dgm:else name="Name9">
              <dgm:constrLst>
                <dgm:constr type="lMarg" refType="primFontSz" fact="0.3"/>
                <dgm:constr type="rMarg" refType="w" fact="0.6"/>
                <dgm:constr type="tMarg" refType="primFontSz" fact="0.3"/>
                <dgm:constr type="bMarg" refType="primFontSz" fact="0.3"/>
              </dgm:constrLst>
            </dgm:else>
          </dgm:choose>
          <dgm:ruleLst>
            <dgm:rule type="primFontSz" val="5" fact="NaN" max="NaN"/>
          </dgm:ruleLst>
        </dgm:layoutNode>
        <dgm:layoutNode name="rect2" styleLbl="fgImgPlace1">
          <dgm:alg type="sp"/>
          <dgm:shape xmlns:r="http://schemas.openxmlformats.org/officeDocument/2006/relationships" type="rect" r:blip="" blipPhldr="1">
            <dgm:adjLst/>
          </dgm:shape>
          <dgm:presOf/>
        </dgm:layoutNode>
      </dgm:layoutNode>
      <dgm:forEach name="sibTransForEach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</dgm:layoutNode>
      </dgm:forEach>
    </dgm:forEach>
  </dgm:layoutNode>
</dgm:layoutDef>
</file>

<file path=ppt/diagrams/layout10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default">
  <dgm:title val=""/>
  <dgm:desc val=""/>
  <dgm:catLst>
    <dgm:cat type="list" pri="4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diagram">
    <dgm:varLst>
      <dgm:dir/>
      <dgm:resizeHandles val="exact"/>
    </dgm:varLst>
    <dgm:choose name="Name0">
      <dgm:if name="Name1" func="var" arg="dir" op="equ" val="norm">
        <dgm:alg type="snake">
          <dgm:param type="grDir" val="tL"/>
          <dgm:param type="flowDir" val="row"/>
          <dgm:param type="contDir" val="sameDir"/>
          <dgm:param type="off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node" refType="w"/>
      <dgm:constr type="h" for="ch" forName="node" refType="w" refFor="ch" refForName="node" fact="0.6"/>
      <dgm:constr type="w" for="ch" forName="sibTrans" refType="w" refFor="ch" refForName="node" fact="0.1"/>
      <dgm:constr type="sp" refType="w" refFor="ch" refForName="sibTrans"/>
      <dgm:constr type="primFontSz" for="ch" forName="node" op="equ" val="65"/>
    </dgm:constrLst>
    <dgm:ruleLst/>
    <dgm:forEach name="Name3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forEach name="Name4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bProcess3">
  <dgm:title val=""/>
  <dgm:desc val=""/>
  <dgm:catLst>
    <dgm:cat type="process" pri="18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axis="self" func="var" arg="dir" op="equ" val="norm">
        <dgm:alg type="snake">
          <dgm:param type="grDir" val="tL"/>
          <dgm:param type="flowDir" val="row"/>
          <dgm:param type="contDir" val="sameDir"/>
          <dgm:param type="bkpt" val="endCnv"/>
        </dgm:alg>
      </dgm:if>
      <dgm:else name="Name3">
        <dgm:alg type="snake">
          <dgm:param type="grDir" val="tR"/>
          <dgm:param type="flowDir" val="row"/>
          <dgm:param type="contDir" val="sameDir"/>
          <dgm:param type="bkpt" val="endCnv"/>
        </dgm:alg>
      </dgm:else>
    </dgm:choose>
    <dgm:shape xmlns:r="http://schemas.openxmlformats.org/officeDocument/2006/relationships" r:blip="">
      <dgm:adjLst/>
    </dgm:shape>
    <dgm:presOf/>
    <dgm:constrLst>
      <dgm:constr type="w" for="ch" ptType="node" refType="w"/>
      <dgm:constr type="w" for="ch" forName="sibTrans" refType="w" refFor="ch" refPtType="node" op="equ" fact="0.23"/>
      <dgm:constr type="sp" refType="w" refFor="ch" refForName="sibTrans" op="equ"/>
      <dgm:constr type="userB" for="des" forName="connectorText" refType="sp"/>
      <dgm:constr type="primFontSz" for="ch" ptType="node" op="equ" val="65"/>
      <dgm:constr type="h" for="ch" ptType="sibTrans" op="equ"/>
      <dgm:constr type="primFontSz" for="des" forName="connectorText" op="equ" val="55"/>
      <dgm:constr type="primFontSz" for="des" forName="connectorText" refType="primFontSz" refFor="ch" refPtType="node" op="lte" fact="0.8"/>
    </dgm:constrLst>
    <dgm:ruleLst/>
    <dgm:forEach name="nodesForEach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h" refType="w" fact="0.6"/>
        </dgm:constrLst>
        <dgm:ruleLst>
          <dgm:rule type="primFontSz" val="5" fact="NaN" max="NaN"/>
        </dgm:ruleLst>
      </dgm:layoutNode>
      <dgm:forEach name="sibTransForEach" axis="followSib" ptType="sibTrans" cnt="1">
        <dgm:layoutNode name="sibTrans">
          <dgm:choose name="Name4">
            <dgm:if name="Name5" axis="self" func="var" arg="dir" op="equ" val="norm">
              <dgm:alg type="conn">
                <dgm:param type="connRout" val="bend"/>
                <dgm:param type="dim" val="1D"/>
                <dgm:param type="begPts" val="midR bCtr"/>
                <dgm:param type="endPts" val="midL tCtr"/>
              </dgm:alg>
            </dgm:if>
            <dgm:else name="Name6">
              <dgm:alg type="conn">
                <dgm:param type="connRout" val="bend"/>
                <dgm:param type="dim" val="1D"/>
                <dgm:param type="begPts" val="midL bCtr"/>
                <dgm:param type="endPts" val="midR tCtr"/>
              </dgm:alg>
            </dgm:else>
          </dgm:choose>
          <dgm:shape xmlns:r="http://schemas.openxmlformats.org/officeDocument/2006/relationships" type="conn" r:blip="" zOrderOff="-2">
            <dgm:adjLst/>
          </dgm:shape>
          <dgm:presOf axis="self"/>
          <dgm:constrLst>
            <dgm:constr type="begPad" val="-0.05"/>
            <dgm:constr type="endPad" val="0.9"/>
            <dgm:constr type="userA" for="ch" refType="connDist"/>
          </dgm:constrLst>
          <dgm:ruleLst/>
          <dgm:layoutNode name="connectorText">
            <dgm:alg type="tx">
              <dgm:param type="autoTxRot" val="upr"/>
            </dgm:alg>
            <dgm:shape xmlns:r="http://schemas.openxmlformats.org/officeDocument/2006/relationships" type="rect" r:blip="" hideGeom="1">
              <dgm:adjLst/>
            </dgm:shape>
            <dgm:presOf axis="self"/>
            <dgm:constrLst>
              <dgm:constr type="userA"/>
              <dgm:constr type="userB"/>
              <dgm:constr type="w" refType="userA" fact="0.05"/>
              <dgm:constr type="h" refType="userB" fact="0.01"/>
              <dgm:constr type="lMarg" val="1"/>
              <dgm:constr type="rMarg" val="1"/>
              <dgm:constr type="tMarg"/>
              <dgm:constr type="bMarg"/>
            </dgm:constrLst>
            <dgm:ruleLst>
              <dgm:rule type="w" val="NaN" fact="0.6" max="NaN"/>
              <dgm:rule type="h" val="NaN" fact="0.6" max="NaN"/>
              <dgm:rule type="primFontSz" val="5" fact="NaN" max="NaN"/>
            </dgm:ruleLst>
          </dgm:layoutNode>
        </dgm:layoutNode>
      </dgm:forEach>
    </dgm:forEach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6.xml><?xml version="1.0" encoding="utf-8"?>
<dgm:layoutDef xmlns:dgm="http://schemas.openxmlformats.org/drawingml/2006/diagram" xmlns:a="http://schemas.openxmlformats.org/drawingml/2006/main" uniqueId="urn:microsoft.com/office/officeart/2008/layout/VerticalCurvedList">
  <dgm:title val=""/>
  <dgm:desc val=""/>
  <dgm:catLst>
    <dgm:cat type="list" pri="2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0.8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func="var" arg="dir" op="equ" val="norm">
          <dgm:choose name="Name4">
            <dgm:if name="Name5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h" fact="0.225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primFontSz" for="ch" ptType="node" op="equ" val="65"/>
              </dgm:constrLst>
            </dgm:if>
            <dgm:if name="Name6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h" fact="0.1891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h" fact="0.1891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primFontSz" for="ch" ptType="node" op="equ" val="65"/>
              </dgm:constrLst>
            </dgm:if>
            <dgm:if name="Name7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h" fact="0.1526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h" fact="0.2253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h" fact="0.1526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primFontSz" for="ch" ptType="node" op="equ" val="65"/>
              </dgm:constrLst>
            </dgm:if>
            <dgm:if name="Name8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h" fact="0.1268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h" fact="0.215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h" fact="0.21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h" fact="0.126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primFontSz" for="ch" ptType="node" op="equ" val="65"/>
              </dgm:constrLst>
            </dgm:if>
            <dgm:if name="Name9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h" fact="0.1082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h" fact="0.197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h" fact="0.2253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h" fact="0.197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h" fact="0.1082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primFontSz" for="ch" ptType="node" op="equ" val="65"/>
              </dgm:constrLst>
            </dgm:if>
            <dgm:if name="Name10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h" fact="0.094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h" fact="0.1809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h" fact="0.220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h" fact="0.2205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h" fact="0.18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h" fact="0.0943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primFontSz" for="ch" ptType="node" op="equ" val="65"/>
              </dgm:constrLst>
            </dgm:if>
            <dgm:else name="Name1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h" fact="0.0835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h" fact="0.165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h" fact="0.2109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h" fact="0.2253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h" fact="0.21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h" fact="0.1658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h" fact="0.0835"/>
                <dgm:constr type="l" for="ch" forName="text_7" refType="ctrX" refFor="ch" refForName="accent_7"/>
                <dgm:constr type="r" for="ch" forName="text_7" refType="w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lMarg" for="ch" forName="text_7" refType="w" refFor="ch" refForName="accent_7" fact="1.8"/>
                <dgm:constr type="primFontSz" for="ch" ptType="node" op="equ" val="65"/>
              </dgm:constrLst>
            </dgm:else>
          </dgm:choose>
        </dgm:if>
        <dgm:else name="Name12">
          <dgm:choose name="Name13">
            <dgm:if name="Name14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w"/>
                <dgm:constr type="ctrXOff" for="ch" forName="accent_1" refType="h" fact="-0.225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primFontSz" for="ch" ptType="node" op="equ" val="65"/>
              </dgm:constrLst>
            </dgm:if>
            <dgm:if name="Name15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w"/>
                <dgm:constr type="ctrXOff" for="ch" forName="accent_1" refType="h" fact="-0.1891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w"/>
                <dgm:constr type="ctrXOff" for="ch" forName="accent_2" refType="h" fact="-0.1891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primFontSz" for="ch" ptType="node" op="equ" val="65"/>
              </dgm:constrLst>
            </dgm:if>
            <dgm:if name="Name16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w"/>
                <dgm:constr type="ctrXOff" for="ch" forName="accent_1" refType="h" fact="-0.1526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w"/>
                <dgm:constr type="ctrXOff" for="ch" forName="accent_2" refType="h" fact="-0.2253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w"/>
                <dgm:constr type="ctrXOff" for="ch" forName="accent_3" refType="h" fact="-0.1526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primFontSz" for="ch" ptType="node" op="equ" val="65"/>
              </dgm:constrLst>
            </dgm:if>
            <dgm:if name="Name17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w"/>
                <dgm:constr type="ctrXOff" for="ch" forName="accent_1" refType="h" fact="-0.1268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w"/>
                <dgm:constr type="ctrXOff" for="ch" forName="accent_2" refType="h" fact="-0.215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w"/>
                <dgm:constr type="ctrXOff" for="ch" forName="accent_3" refType="h" fact="-0.21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w"/>
                <dgm:constr type="ctrXOff" for="ch" forName="accent_4" refType="h" fact="-0.126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primFontSz" for="ch" ptType="node" op="equ" val="65"/>
              </dgm:constrLst>
            </dgm:if>
            <dgm:if name="Name18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w"/>
                <dgm:constr type="ctrXOff" for="ch" forName="accent_1" refType="h" fact="-0.1082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w"/>
                <dgm:constr type="ctrXOff" for="ch" forName="accent_2" refType="h" fact="-0.197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w"/>
                <dgm:constr type="ctrXOff" for="ch" forName="accent_3" refType="h" fact="-0.2253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w"/>
                <dgm:constr type="ctrXOff" for="ch" forName="accent_4" refType="h" fact="-0.197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w"/>
                <dgm:constr type="ctrXOff" for="ch" forName="accent_5" refType="h" fact="-0.1082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primFontSz" for="ch" ptType="node" op="equ" val="65"/>
              </dgm:constrLst>
            </dgm:if>
            <dgm:if name="Name19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w"/>
                <dgm:constr type="ctrXOff" for="ch" forName="accent_1" refType="h" fact="-0.094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w"/>
                <dgm:constr type="ctrXOff" for="ch" forName="accent_2" refType="h" fact="-0.1809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w"/>
                <dgm:constr type="ctrXOff" for="ch" forName="accent_3" refType="h" fact="-0.220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w"/>
                <dgm:constr type="ctrXOff" for="ch" forName="accent_4" refType="h" fact="-0.2205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w"/>
                <dgm:constr type="ctrXOff" for="ch" forName="accent_5" refType="h" fact="-0.18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w"/>
                <dgm:constr type="ctrXOff" for="ch" forName="accent_6" refType="h" fact="-0.0943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primFontSz" for="ch" ptType="node" op="equ" val="65"/>
              </dgm:constrLst>
            </dgm:if>
            <dgm:else name="Name20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w"/>
                <dgm:constr type="ctrXOff" for="ch" forName="accent_1" refType="h" fact="-0.0835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w"/>
                <dgm:constr type="ctrXOff" for="ch" forName="accent_2" refType="h" fact="-0.165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w"/>
                <dgm:constr type="ctrXOff" for="ch" forName="accent_3" refType="h" fact="-0.2109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w"/>
                <dgm:constr type="ctrXOff" for="ch" forName="accent_4" refType="h" fact="-0.2253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w"/>
                <dgm:constr type="ctrXOff" for="ch" forName="accent_5" refType="h" fact="-0.21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w"/>
                <dgm:constr type="ctrXOff" for="ch" forName="accent_6" refType="h" fact="-0.1658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w"/>
                <dgm:constr type="ctrXOff" for="ch" forName="accent_7" refType="h" fact="-0.0835"/>
                <dgm:constr type="r" for="ch" forName="text_7" refType="ctrX" refFor="ch" refForName="accent_7"/>
                <dgm:constr type="rOff" for="ch" forName="text_7" refType="ctrXOff" refFor="ch" refForName="accent_7"/>
                <dgm:constr type="l" for="ch" forName="text_7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rMarg" for="ch" forName="text_7" refType="w" refFor="ch" refForName="accent_7" fact="1.8"/>
                <dgm:constr type="primFontSz" for="ch" ptType="node" op="equ" val="65"/>
              </dgm:constrLst>
            </dgm:else>
          </dgm:choose>
        </dgm:else>
      </dgm:choose>
      <dgm:layoutNode name="cycle">
        <dgm:choose name="Name21">
          <dgm:if name="Name22" func="var" arg="dir" op="equ" val="norm">
            <dgm:alg type="cycle">
              <dgm:param type="stAng" val="45"/>
              <dgm:param type="spanAng" val="90"/>
            </dgm:alg>
          </dgm:if>
          <dgm:else name="Name23">
            <dgm:alg type="cycle">
              <dgm:param type="stAng" val="225"/>
              <dgm:param type="spanAng" val="90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val="1"/>
          <dgm:constr type="h" for="ch" val="1"/>
          <dgm:constr type="diam" for="ch" forName="conn" refType="diam"/>
        </dgm:constrLst>
        <dgm:layoutNode name="src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conn" styleLbl="parChTrans1D2">
          <dgm:alg type="conn">
            <dgm:param type="connRout" val="curve"/>
            <dgm:param type="srcNode" val="srcNode"/>
            <dgm:param type="dstNode" val="dstNode"/>
            <dgm:param type="begPts" val="ctr"/>
            <dgm:param type="endPts" val="ctr"/>
            <dgm:param type="endSty" val="noArr"/>
          </dgm:alg>
          <dgm:shape xmlns:r="http://schemas.openxmlformats.org/officeDocument/2006/relationships" type="conn" r:blip="">
            <dgm:adjLst/>
          </dgm:shape>
          <dgm:presOf axis="desOrSelf" ptType="sibTrans" hideLastTrans="0" st="0" cnt="1"/>
          <dgm:constrLst>
            <dgm:constr type="begPad"/>
            <dgm:constr type="endPad"/>
          </dgm:constrLst>
        </dgm:layoutNode>
        <dgm:layoutNode name="extra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dstNode">
          <dgm:alg type="sp"/>
          <dgm:shape xmlns:r="http://schemas.openxmlformats.org/officeDocument/2006/relationships" type="rect" r:blip="" hideGeom="1">
            <dgm:adjLst/>
          </dgm:shape>
          <dgm:presOf/>
        </dgm:layoutNode>
      </dgm:layoutNode>
      <dgm:forEach name="wrapper" axis="self" ptType="parTrans">
        <dgm:forEach name="wrapper2" axis="self" ptType="sibTrans" st="2">
          <dgm:forEach name="accentRepeat" axis="self">
            <dgm:layoutNode name="accentRepeatNode" styleLbl="solidFgAcc1">
              <dgm:alg type="sp"/>
              <dgm:shape xmlns:r="http://schemas.openxmlformats.org/officeDocument/2006/relationships" type="ellipse" r:blip="">
                <dgm:adjLst/>
              </dgm:shape>
              <dgm:presOf/>
            </dgm:layoutNode>
          </dgm:forEach>
        </dgm:forEach>
      </dgm:forEach>
      <dgm:forEach name="Name24" axis="ch" ptType="node" cnt="1">
        <dgm:layoutNode name="text_1" styleLbl="node1">
          <dgm:varLst>
            <dgm:bulletEnabled val="1"/>
          </dgm:varLst>
          <dgm:choose name="Name25">
            <dgm:if name="Name2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2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8" ref="accentRepeat"/>
        </dgm:layoutNode>
      </dgm:forEach>
      <dgm:forEach name="Name29" axis="ch" ptType="node" st="2" cnt="1">
        <dgm:layoutNode name="text_2" styleLbl="node1">
          <dgm:varLst>
            <dgm:bulletEnabled val="1"/>
          </dgm:varLst>
          <dgm:choose name="Name30">
            <dgm:if name="Name3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3" ref="accentRepeat"/>
        </dgm:layoutNode>
      </dgm:forEach>
      <dgm:forEach name="Name34" axis="ch" ptType="node" st="3" cnt="1">
        <dgm:layoutNode name="text_3" styleLbl="node1">
          <dgm:varLst>
            <dgm:bulletEnabled val="1"/>
          </dgm:varLst>
          <dgm:choose name="Name35">
            <dgm:if name="Name3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3">
          <dgm:alg type="sp"/>
          <dgm:shape xmlns:r="http://schemas.openxmlformats.org/officeDocument/2006/relationships" r:blip="">
            <dgm:adjLst/>
          </dgm:shape>
          <dgm:presOf/>
          <dgm:constrLst/>
          <dgm:forEach name="Name38" ref="accentRepeat"/>
        </dgm:layoutNode>
      </dgm:forEach>
      <dgm:forEach name="Name39" axis="ch" ptType="node" st="4" cnt="1">
        <dgm:layoutNode name="text_4" styleLbl="node1">
          <dgm:varLst>
            <dgm:bulletEnabled val="1"/>
          </dgm:varLst>
          <dgm:choose name="Name40">
            <dgm:if name="Name4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4">
          <dgm:alg type="sp"/>
          <dgm:shape xmlns:r="http://schemas.openxmlformats.org/officeDocument/2006/relationships" r:blip="">
            <dgm:adjLst/>
          </dgm:shape>
          <dgm:presOf/>
          <dgm:constrLst/>
          <dgm:forEach name="Name43" ref="accentRepeat"/>
        </dgm:layoutNode>
      </dgm:forEach>
      <dgm:forEach name="Name44" axis="ch" ptType="node" st="5" cnt="1">
        <dgm:layoutNode name="text_5" styleLbl="node1">
          <dgm:varLst>
            <dgm:bulletEnabled val="1"/>
          </dgm:varLst>
          <dgm:choose name="Name45">
            <dgm:if name="Name4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5">
          <dgm:alg type="sp"/>
          <dgm:shape xmlns:r="http://schemas.openxmlformats.org/officeDocument/2006/relationships" r:blip="">
            <dgm:adjLst/>
          </dgm:shape>
          <dgm:presOf/>
          <dgm:constrLst/>
          <dgm:forEach name="Name48" ref="accentRepeat"/>
        </dgm:layoutNode>
      </dgm:forEach>
      <dgm:forEach name="Name49" axis="ch" ptType="node" st="6" cnt="1">
        <dgm:layoutNode name="text_6" styleLbl="node1">
          <dgm:varLst>
            <dgm:bulletEnabled val="1"/>
          </dgm:varLst>
          <dgm:choose name="Name50">
            <dgm:if name="Name5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6">
          <dgm:alg type="sp"/>
          <dgm:shape xmlns:r="http://schemas.openxmlformats.org/officeDocument/2006/relationships" r:blip="">
            <dgm:adjLst/>
          </dgm:shape>
          <dgm:presOf/>
          <dgm:constrLst/>
          <dgm:forEach name="Name53" ref="accentRepeat"/>
        </dgm:layoutNode>
      </dgm:forEach>
      <dgm:forEach name="Name54" axis="ch" ptType="node" st="7" cnt="1">
        <dgm:layoutNode name="text_7" styleLbl="node1">
          <dgm:varLst>
            <dgm:bulletEnabled val="1"/>
          </dgm:varLst>
          <dgm:choose name="Name55">
            <dgm:if name="Name5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7">
          <dgm:alg type="sp"/>
          <dgm:shape xmlns:r="http://schemas.openxmlformats.org/officeDocument/2006/relationships" r:blip="">
            <dgm:adjLst/>
          </dgm:shape>
          <dgm:presOf/>
          <dgm:constrLst/>
          <dgm:forEach name="Name58" ref="accentRepeat"/>
        </dgm:layoutNode>
      </dgm:forEach>
    </dgm:layoutNode>
  </dgm:layoutNode>
</dgm:layoutDef>
</file>

<file path=ppt/diagrams/layout7.xml><?xml version="1.0" encoding="utf-8"?>
<dgm:layoutDef xmlns:dgm="http://schemas.openxmlformats.org/drawingml/2006/diagram" xmlns:a="http://schemas.openxmlformats.org/drawingml/2006/main" uniqueId="urn:microsoft.com/office/officeart/2005/8/layout/hierarchy3">
  <dgm:title val=""/>
  <dgm:desc val=""/>
  <dgm:catLst>
    <dgm:cat type="hierarchy" pri="7000"/>
    <dgm:cat type="list" pri="23000"/>
    <dgm:cat type="relationship" pri="15000"/>
    <dgm:cat type="convert" pri="7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</dgm:ptLst>
      <dgm:cxnLst>
        <dgm:cxn modelId="4" srcId="0" destId="1" srcOrd="0" destOrd="0"/>
        <dgm:cxn modelId="5" srcId="1" destId="11" srcOrd="0" destOrd="0"/>
        <dgm:cxn modelId="6" srcId="1" destId="12" srcOrd="1" destOrd="0"/>
        <dgm:cxn modelId="7" srcId="0" destId="2" srcOrd="1" destOrd="0"/>
        <dgm:cxn modelId="8" srcId="2" destId="21" srcOrd="0" destOrd="0"/>
        <dgm:cxn modelId="9" srcId="2" destId="2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diagram">
    <dgm:varLst>
      <dgm:chPref val="1"/>
      <dgm:dir/>
      <dgm:animOne val="branch"/>
      <dgm:animLvl val="lvl"/>
      <dgm:resizeHandles/>
    </dgm:varLst>
    <dgm:choose name="Name0">
      <dgm:if name="Name1" func="var" arg="dir" op="equ" val="norm">
        <dgm:alg type="hierChild">
          <dgm:param type="linDir" val="fromL"/>
        </dgm:alg>
      </dgm:if>
      <dgm:else name="Name2">
        <dgm:alg type="hierChild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primFontSz" for="des" forName="rootText" op="equ" val="65"/>
      <dgm:constr type="primFontSz" for="des" forName="childText" op="equ" val="65"/>
      <dgm:constr type="w" for="des" forName="rootComposite" refType="w"/>
      <dgm:constr type="h" for="des" forName="rootComposite" refType="w" fact="0.5"/>
      <dgm:constr type="w" for="des" forName="childText" refType="w" refFor="des" refForName="rootComposite" fact="0.8"/>
      <dgm:constr type="h" for="des" forName="childText" refType="h" refFor="des" refForName="rootComposite"/>
      <dgm:constr type="sibSp" refType="w" refFor="des" refForName="rootComposite" fact="0.25"/>
      <dgm:constr type="sibSp" for="des" forName="childShape" refType="h" refFor="des" refForName="childText" fact="0.25"/>
      <dgm:constr type="sp" for="des" forName="root" refType="h" refFor="des" refForName="childText" fact="0.25"/>
    </dgm:constrLst>
    <dgm:ruleLst/>
    <dgm:forEach name="Name3" axis="ch">
      <dgm:forEach name="Name4" axis="self" ptType="node" cnt="1">
        <dgm:layoutNode name="root">
          <dgm:choose name="Name5">
            <dgm:if name="Name6" func="var" arg="dir" op="equ" val="norm">
              <dgm:alg type="hierRoot">
                <dgm:param type="hierAlign" val="tL"/>
              </dgm:alg>
            </dgm:if>
            <dgm:else name="Name7">
              <dgm:alg type="hierRoot">
                <dgm:param type="hierAlign" val="tR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>
            <dgm:constr type="alignOff" val="0.2"/>
          </dgm:constrLst>
          <dgm:ruleLst/>
          <dgm:layoutNode name="rootComposite">
            <dgm:alg type="composite"/>
            <dgm:shape xmlns:r="http://schemas.openxmlformats.org/officeDocument/2006/relationships" r:blip="">
              <dgm:adjLst/>
            </dgm:shape>
            <dgm:presOf axis="self" ptType="node" cnt="1"/>
            <dgm:choose name="Name8">
              <dgm:if name="Name9" func="var" arg="dir" op="equ" val="norm">
                <dgm:constrLst>
                  <dgm:constr type="l" for="ch" forName="rootText"/>
                  <dgm:constr type="t" for="ch" forName="rootText"/>
                  <dgm:constr type="w" for="ch" forName="rootText" refType="w"/>
                  <dgm:constr type="h" for="ch" forName="rootText" refType="h"/>
                  <dgm:constr type="l" for="ch" forName="rootConnector"/>
                  <dgm:constr type="t" for="ch" forName="rootConnector"/>
                  <dgm:constr type="w" for="ch" forName="rootConnector" refType="w" refFor="ch" refForName="rootText" fact="0.2"/>
                  <dgm:constr type="h" for="ch" forName="rootConnector" refType="h" refFor="ch" refForName="rootText"/>
                </dgm:constrLst>
              </dgm:if>
              <dgm:else name="Name10">
                <dgm:constrLst>
                  <dgm:constr type="l" for="ch" forName="rootText"/>
                  <dgm:constr type="t" for="ch" forName="rootText"/>
                  <dgm:constr type="w" for="ch" forName="rootText" refType="w"/>
                  <dgm:constr type="h" for="ch" forName="rootText" refType="h"/>
                  <dgm:constr type="r" for="ch" forName="rootConnector" refType="w"/>
                  <dgm:constr type="t" for="ch" forName="rootConnector"/>
                  <dgm:constr type="w" for="ch" forName="rootConnector" refType="w" refFor="ch" refForName="rootText" fact="0.2"/>
                  <dgm:constr type="h" for="ch" forName="rootConnector" refType="h" refFor="ch" refForName="rootText"/>
                </dgm:constrLst>
              </dgm:else>
            </dgm:choose>
            <dgm:ruleLst/>
            <dgm:layoutNode name="rootText" styleLbl="node1">
              <dgm:alg type="tx"/>
              <dgm:shape xmlns:r="http://schemas.openxmlformats.org/officeDocument/2006/relationships" type="roundRect" r:blip="">
                <dgm:adjLst>
                  <dgm:adj idx="1" val="0.1"/>
                </dgm:adjLst>
              </dgm:shape>
              <dgm:presOf axis="self" ptType="node" cnt="1"/>
              <dgm:constrLst>
                <dgm:constr type="tMarg" refType="primFontSz" fact="0.1"/>
                <dgm:constr type="bMarg" refType="primFontSz" fact="0.1"/>
                <dgm:constr type="lMarg" refType="primFontSz" fact="0.15"/>
                <dgm:constr type="rMarg" refType="primFontSz" fact="0.15"/>
              </dgm:constrLst>
              <dgm:ruleLst>
                <dgm:rule type="primFontSz" val="5" fact="NaN" max="NaN"/>
              </dgm:ruleLst>
            </dgm:layoutNode>
            <dgm:layoutNode name="rootConnector" moveWith="rootText">
              <dgm:alg type="sp"/>
              <dgm:shape xmlns:r="http://schemas.openxmlformats.org/officeDocument/2006/relationships" type="roundRect" r:blip="" hideGeom="1">
                <dgm:adjLst>
                  <dgm:adj idx="1" val="0.1"/>
                </dgm:adjLst>
              </dgm:shape>
              <dgm:presOf axis="self" ptType="node" cnt="1"/>
              <dgm:constrLst/>
              <dgm:ruleLst/>
            </dgm:layoutNode>
          </dgm:layoutNode>
          <dgm:layoutNode name="childShape">
            <dgm:alg type="hierChild">
              <dgm:param type="chAlign" val="l"/>
              <dgm:param type="linDir" val="fromT"/>
            </dgm:alg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Name11" axis="ch">
              <dgm:forEach name="Name12" axis="self" ptType="parTrans" cnt="1">
                <dgm:layoutNode name="Name13">
                  <dgm:choose name="Name14">
                    <dgm:if name="Name15" func="var" arg="dir" op="equ" val="norm">
                      <dgm:alg type="conn">
                        <dgm:param type="dim" val="1D"/>
                        <dgm:param type="endSty" val="noArr"/>
                        <dgm:param type="connRout" val="bend"/>
                        <dgm:param type="srcNode" val="rootConnector"/>
                        <dgm:param type="begPts" val="bCtr"/>
                        <dgm:param type="endPts" val="midL"/>
                      </dgm:alg>
                    </dgm:if>
                    <dgm:else name="Name16">
                      <dgm:alg type="conn">
                        <dgm:param type="dim" val="1D"/>
                        <dgm:param type="endSty" val="noArr"/>
                        <dgm:param type="connRout" val="bend"/>
                        <dgm:param type="srcNode" val="rootConnector"/>
                        <dgm:param type="begPts" val="bCtr"/>
                        <dgm:param type="endPts" val="midR"/>
                      </dgm:alg>
                    </dgm:else>
                  </dgm:choose>
                  <dgm:shape xmlns:r="http://schemas.openxmlformats.org/officeDocument/2006/relationships" type="conn" r:blip="">
                    <dgm:adjLst/>
                  </dgm:shape>
                  <dgm:presOf axis="self"/>
                  <dgm:constrLst>
                    <dgm:constr type="begPad"/>
                    <dgm:constr type="endPad"/>
                  </dgm:constrLst>
                  <dgm:ruleLst/>
                </dgm:layoutNode>
              </dgm:forEach>
              <dgm:forEach name="Name17" axis="self" ptType="node">
                <dgm:layoutNode name="childText" styleLbl="bgAcc1">
                  <dgm:varLst>
                    <dgm:bulletEnabled val="1"/>
                  </dgm:varLst>
                  <dgm:alg type="tx"/>
                  <dgm:shape xmlns:r="http://schemas.openxmlformats.org/officeDocument/2006/relationships" type="roundRect" r:blip="">
                    <dgm:adjLst>
                      <dgm:adj idx="1" val="0.1"/>
                    </dgm:adjLst>
                  </dgm:shape>
                  <dgm:presOf axis="self desOrSelf" ptType="node node" st="1 1" cnt="1 0"/>
                  <dgm:constrLst>
                    <dgm:constr type="tMarg" refType="primFontSz" fact="0.1"/>
                    <dgm:constr type="bMarg" refType="primFontSz" fact="0.1"/>
                    <dgm:constr type="lMarg" refType="primFontSz" fact="0.15"/>
                    <dgm:constr type="rMarg" refType="primFontSz" fact="0.15"/>
                  </dgm:constrLst>
                  <dgm:ruleLst>
                    <dgm:rule type="primFontSz" val="5" fact="NaN" max="NaN"/>
                  </dgm:ruleLst>
                </dgm:layoutNode>
              </dgm:forEach>
            </dgm:forEach>
          </dgm:layoutNode>
        </dgm:layoutNode>
      </dgm:forEach>
    </dgm:forEach>
  </dgm:layoutNode>
</dgm:layoutDef>
</file>

<file path=ppt/diagrams/layout8.xml><?xml version="1.0" encoding="utf-8"?>
<dgm:layoutDef xmlns:dgm="http://schemas.openxmlformats.org/drawingml/2006/diagram" xmlns:a="http://schemas.openxmlformats.org/drawingml/2006/main" uniqueId="urn:microsoft.com/office/officeart/2005/8/layout/default">
  <dgm:title val=""/>
  <dgm:desc val=""/>
  <dgm:catLst>
    <dgm:cat type="list" pri="4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diagram">
    <dgm:varLst>
      <dgm:dir/>
      <dgm:resizeHandles val="exact"/>
    </dgm:varLst>
    <dgm:choose name="Name0">
      <dgm:if name="Name1" func="var" arg="dir" op="equ" val="norm">
        <dgm:alg type="snake">
          <dgm:param type="grDir" val="tL"/>
          <dgm:param type="flowDir" val="row"/>
          <dgm:param type="contDir" val="sameDir"/>
          <dgm:param type="off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node" refType="w"/>
      <dgm:constr type="h" for="ch" forName="node" refType="w" refFor="ch" refForName="node" fact="0.6"/>
      <dgm:constr type="w" for="ch" forName="sibTrans" refType="w" refFor="ch" refForName="node" fact="0.1"/>
      <dgm:constr type="sp" refType="w" refFor="ch" refForName="sibTrans"/>
      <dgm:constr type="primFontSz" for="ch" forName="node" op="equ" val="65"/>
    </dgm:constrLst>
    <dgm:ruleLst/>
    <dgm:forEach name="Name3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forEach name="Name4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9.xml><?xml version="1.0" encoding="utf-8"?>
<dgm:layoutDef xmlns:dgm="http://schemas.openxmlformats.org/drawingml/2006/diagram" xmlns:a="http://schemas.openxmlformats.org/drawingml/2006/main" uniqueId="urn:microsoft.com/office/officeart/2008/layout/VerticalCurvedList">
  <dgm:title val=""/>
  <dgm:desc val=""/>
  <dgm:catLst>
    <dgm:cat type="list" pri="2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0.8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func="var" arg="dir" op="equ" val="norm">
          <dgm:choose name="Name4">
            <dgm:if name="Name5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h" fact="0.225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primFontSz" for="ch" ptType="node" op="equ" val="65"/>
              </dgm:constrLst>
            </dgm:if>
            <dgm:if name="Name6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h" fact="0.1891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h" fact="0.1891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primFontSz" for="ch" ptType="node" op="equ" val="65"/>
              </dgm:constrLst>
            </dgm:if>
            <dgm:if name="Name7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h" fact="0.1526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h" fact="0.2253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h" fact="0.1526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primFontSz" for="ch" ptType="node" op="equ" val="65"/>
              </dgm:constrLst>
            </dgm:if>
            <dgm:if name="Name8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h" fact="0.1268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h" fact="0.215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h" fact="0.21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h" fact="0.126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primFontSz" for="ch" ptType="node" op="equ" val="65"/>
              </dgm:constrLst>
            </dgm:if>
            <dgm:if name="Name9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h" fact="0.1082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h" fact="0.197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h" fact="0.2253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h" fact="0.197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h" fact="0.1082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primFontSz" for="ch" ptType="node" op="equ" val="65"/>
              </dgm:constrLst>
            </dgm:if>
            <dgm:if name="Name10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h" fact="0.094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h" fact="0.1809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h" fact="0.220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h" fact="0.2205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h" fact="0.18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h" fact="0.0943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primFontSz" for="ch" ptType="node" op="equ" val="65"/>
              </dgm:constrLst>
            </dgm:if>
            <dgm:else name="Name1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h" fact="0.0835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h" fact="0.165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h" fact="0.2109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h" fact="0.2253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h" fact="0.21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h" fact="0.1658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h" fact="0.0835"/>
                <dgm:constr type="l" for="ch" forName="text_7" refType="ctrX" refFor="ch" refForName="accent_7"/>
                <dgm:constr type="r" for="ch" forName="text_7" refType="w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lMarg" for="ch" forName="text_7" refType="w" refFor="ch" refForName="accent_7" fact="1.8"/>
                <dgm:constr type="primFontSz" for="ch" ptType="node" op="equ" val="65"/>
              </dgm:constrLst>
            </dgm:else>
          </dgm:choose>
        </dgm:if>
        <dgm:else name="Name12">
          <dgm:choose name="Name13">
            <dgm:if name="Name14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w"/>
                <dgm:constr type="ctrXOff" for="ch" forName="accent_1" refType="h" fact="-0.225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primFontSz" for="ch" ptType="node" op="equ" val="65"/>
              </dgm:constrLst>
            </dgm:if>
            <dgm:if name="Name15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w"/>
                <dgm:constr type="ctrXOff" for="ch" forName="accent_1" refType="h" fact="-0.1891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w"/>
                <dgm:constr type="ctrXOff" for="ch" forName="accent_2" refType="h" fact="-0.1891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primFontSz" for="ch" ptType="node" op="equ" val="65"/>
              </dgm:constrLst>
            </dgm:if>
            <dgm:if name="Name16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w"/>
                <dgm:constr type="ctrXOff" for="ch" forName="accent_1" refType="h" fact="-0.1526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w"/>
                <dgm:constr type="ctrXOff" for="ch" forName="accent_2" refType="h" fact="-0.2253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w"/>
                <dgm:constr type="ctrXOff" for="ch" forName="accent_3" refType="h" fact="-0.1526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primFontSz" for="ch" ptType="node" op="equ" val="65"/>
              </dgm:constrLst>
            </dgm:if>
            <dgm:if name="Name17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w"/>
                <dgm:constr type="ctrXOff" for="ch" forName="accent_1" refType="h" fact="-0.1268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w"/>
                <dgm:constr type="ctrXOff" for="ch" forName="accent_2" refType="h" fact="-0.215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w"/>
                <dgm:constr type="ctrXOff" for="ch" forName="accent_3" refType="h" fact="-0.21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w"/>
                <dgm:constr type="ctrXOff" for="ch" forName="accent_4" refType="h" fact="-0.126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primFontSz" for="ch" ptType="node" op="equ" val="65"/>
              </dgm:constrLst>
            </dgm:if>
            <dgm:if name="Name18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w"/>
                <dgm:constr type="ctrXOff" for="ch" forName="accent_1" refType="h" fact="-0.1082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w"/>
                <dgm:constr type="ctrXOff" for="ch" forName="accent_2" refType="h" fact="-0.197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w"/>
                <dgm:constr type="ctrXOff" for="ch" forName="accent_3" refType="h" fact="-0.2253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w"/>
                <dgm:constr type="ctrXOff" for="ch" forName="accent_4" refType="h" fact="-0.197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w"/>
                <dgm:constr type="ctrXOff" for="ch" forName="accent_5" refType="h" fact="-0.1082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primFontSz" for="ch" ptType="node" op="equ" val="65"/>
              </dgm:constrLst>
            </dgm:if>
            <dgm:if name="Name19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w"/>
                <dgm:constr type="ctrXOff" for="ch" forName="accent_1" refType="h" fact="-0.094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w"/>
                <dgm:constr type="ctrXOff" for="ch" forName="accent_2" refType="h" fact="-0.1809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w"/>
                <dgm:constr type="ctrXOff" for="ch" forName="accent_3" refType="h" fact="-0.220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w"/>
                <dgm:constr type="ctrXOff" for="ch" forName="accent_4" refType="h" fact="-0.2205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w"/>
                <dgm:constr type="ctrXOff" for="ch" forName="accent_5" refType="h" fact="-0.18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w"/>
                <dgm:constr type="ctrXOff" for="ch" forName="accent_6" refType="h" fact="-0.0943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primFontSz" for="ch" ptType="node" op="equ" val="65"/>
              </dgm:constrLst>
            </dgm:if>
            <dgm:else name="Name20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w"/>
                <dgm:constr type="ctrXOff" for="ch" forName="accent_1" refType="h" fact="-0.0835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w"/>
                <dgm:constr type="ctrXOff" for="ch" forName="accent_2" refType="h" fact="-0.165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w"/>
                <dgm:constr type="ctrXOff" for="ch" forName="accent_3" refType="h" fact="-0.2109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w"/>
                <dgm:constr type="ctrXOff" for="ch" forName="accent_4" refType="h" fact="-0.2253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w"/>
                <dgm:constr type="ctrXOff" for="ch" forName="accent_5" refType="h" fact="-0.21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w"/>
                <dgm:constr type="ctrXOff" for="ch" forName="accent_6" refType="h" fact="-0.1658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w"/>
                <dgm:constr type="ctrXOff" for="ch" forName="accent_7" refType="h" fact="-0.0835"/>
                <dgm:constr type="r" for="ch" forName="text_7" refType="ctrX" refFor="ch" refForName="accent_7"/>
                <dgm:constr type="rOff" for="ch" forName="text_7" refType="ctrXOff" refFor="ch" refForName="accent_7"/>
                <dgm:constr type="l" for="ch" forName="text_7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rMarg" for="ch" forName="text_7" refType="w" refFor="ch" refForName="accent_7" fact="1.8"/>
                <dgm:constr type="primFontSz" for="ch" ptType="node" op="equ" val="65"/>
              </dgm:constrLst>
            </dgm:else>
          </dgm:choose>
        </dgm:else>
      </dgm:choose>
      <dgm:layoutNode name="cycle">
        <dgm:choose name="Name21">
          <dgm:if name="Name22" func="var" arg="dir" op="equ" val="norm">
            <dgm:alg type="cycle">
              <dgm:param type="stAng" val="45"/>
              <dgm:param type="spanAng" val="90"/>
            </dgm:alg>
          </dgm:if>
          <dgm:else name="Name23">
            <dgm:alg type="cycle">
              <dgm:param type="stAng" val="225"/>
              <dgm:param type="spanAng" val="90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val="1"/>
          <dgm:constr type="h" for="ch" val="1"/>
          <dgm:constr type="diam" for="ch" forName="conn" refType="diam"/>
        </dgm:constrLst>
        <dgm:layoutNode name="src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conn" styleLbl="parChTrans1D2">
          <dgm:alg type="conn">
            <dgm:param type="connRout" val="curve"/>
            <dgm:param type="srcNode" val="srcNode"/>
            <dgm:param type="dstNode" val="dstNode"/>
            <dgm:param type="begPts" val="ctr"/>
            <dgm:param type="endPts" val="ctr"/>
            <dgm:param type="endSty" val="noArr"/>
          </dgm:alg>
          <dgm:shape xmlns:r="http://schemas.openxmlformats.org/officeDocument/2006/relationships" type="conn" r:blip="">
            <dgm:adjLst/>
          </dgm:shape>
          <dgm:presOf axis="desOrSelf" ptType="sibTrans" hideLastTrans="0" st="0" cnt="1"/>
          <dgm:constrLst>
            <dgm:constr type="begPad"/>
            <dgm:constr type="endPad"/>
          </dgm:constrLst>
        </dgm:layoutNode>
        <dgm:layoutNode name="extra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dstNode">
          <dgm:alg type="sp"/>
          <dgm:shape xmlns:r="http://schemas.openxmlformats.org/officeDocument/2006/relationships" type="rect" r:blip="" hideGeom="1">
            <dgm:adjLst/>
          </dgm:shape>
          <dgm:presOf/>
        </dgm:layoutNode>
      </dgm:layoutNode>
      <dgm:forEach name="wrapper" axis="self" ptType="parTrans">
        <dgm:forEach name="wrapper2" axis="self" ptType="sibTrans" st="2">
          <dgm:forEach name="accentRepeat" axis="self">
            <dgm:layoutNode name="accentRepeatNode" styleLbl="solidFgAcc1">
              <dgm:alg type="sp"/>
              <dgm:shape xmlns:r="http://schemas.openxmlformats.org/officeDocument/2006/relationships" type="ellipse" r:blip="">
                <dgm:adjLst/>
              </dgm:shape>
              <dgm:presOf/>
            </dgm:layoutNode>
          </dgm:forEach>
        </dgm:forEach>
      </dgm:forEach>
      <dgm:forEach name="Name24" axis="ch" ptType="node" cnt="1">
        <dgm:layoutNode name="text_1" styleLbl="node1">
          <dgm:varLst>
            <dgm:bulletEnabled val="1"/>
          </dgm:varLst>
          <dgm:choose name="Name25">
            <dgm:if name="Name2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2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8" ref="accentRepeat"/>
        </dgm:layoutNode>
      </dgm:forEach>
      <dgm:forEach name="Name29" axis="ch" ptType="node" st="2" cnt="1">
        <dgm:layoutNode name="text_2" styleLbl="node1">
          <dgm:varLst>
            <dgm:bulletEnabled val="1"/>
          </dgm:varLst>
          <dgm:choose name="Name30">
            <dgm:if name="Name3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3" ref="accentRepeat"/>
        </dgm:layoutNode>
      </dgm:forEach>
      <dgm:forEach name="Name34" axis="ch" ptType="node" st="3" cnt="1">
        <dgm:layoutNode name="text_3" styleLbl="node1">
          <dgm:varLst>
            <dgm:bulletEnabled val="1"/>
          </dgm:varLst>
          <dgm:choose name="Name35">
            <dgm:if name="Name3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3">
          <dgm:alg type="sp"/>
          <dgm:shape xmlns:r="http://schemas.openxmlformats.org/officeDocument/2006/relationships" r:blip="">
            <dgm:adjLst/>
          </dgm:shape>
          <dgm:presOf/>
          <dgm:constrLst/>
          <dgm:forEach name="Name38" ref="accentRepeat"/>
        </dgm:layoutNode>
      </dgm:forEach>
      <dgm:forEach name="Name39" axis="ch" ptType="node" st="4" cnt="1">
        <dgm:layoutNode name="text_4" styleLbl="node1">
          <dgm:varLst>
            <dgm:bulletEnabled val="1"/>
          </dgm:varLst>
          <dgm:choose name="Name40">
            <dgm:if name="Name4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4">
          <dgm:alg type="sp"/>
          <dgm:shape xmlns:r="http://schemas.openxmlformats.org/officeDocument/2006/relationships" r:blip="">
            <dgm:adjLst/>
          </dgm:shape>
          <dgm:presOf/>
          <dgm:constrLst/>
          <dgm:forEach name="Name43" ref="accentRepeat"/>
        </dgm:layoutNode>
      </dgm:forEach>
      <dgm:forEach name="Name44" axis="ch" ptType="node" st="5" cnt="1">
        <dgm:layoutNode name="text_5" styleLbl="node1">
          <dgm:varLst>
            <dgm:bulletEnabled val="1"/>
          </dgm:varLst>
          <dgm:choose name="Name45">
            <dgm:if name="Name4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5">
          <dgm:alg type="sp"/>
          <dgm:shape xmlns:r="http://schemas.openxmlformats.org/officeDocument/2006/relationships" r:blip="">
            <dgm:adjLst/>
          </dgm:shape>
          <dgm:presOf/>
          <dgm:constrLst/>
          <dgm:forEach name="Name48" ref="accentRepeat"/>
        </dgm:layoutNode>
      </dgm:forEach>
      <dgm:forEach name="Name49" axis="ch" ptType="node" st="6" cnt="1">
        <dgm:layoutNode name="text_6" styleLbl="node1">
          <dgm:varLst>
            <dgm:bulletEnabled val="1"/>
          </dgm:varLst>
          <dgm:choose name="Name50">
            <dgm:if name="Name5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6">
          <dgm:alg type="sp"/>
          <dgm:shape xmlns:r="http://schemas.openxmlformats.org/officeDocument/2006/relationships" r:blip="">
            <dgm:adjLst/>
          </dgm:shape>
          <dgm:presOf/>
          <dgm:constrLst/>
          <dgm:forEach name="Name53" ref="accentRepeat"/>
        </dgm:layoutNode>
      </dgm:forEach>
      <dgm:forEach name="Name54" axis="ch" ptType="node" st="7" cnt="1">
        <dgm:layoutNode name="text_7" styleLbl="node1">
          <dgm:varLst>
            <dgm:bulletEnabled val="1"/>
          </dgm:varLst>
          <dgm:choose name="Name55">
            <dgm:if name="Name5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7">
          <dgm:alg type="sp"/>
          <dgm:shape xmlns:r="http://schemas.openxmlformats.org/officeDocument/2006/relationships" r:blip="">
            <dgm:adjLst/>
          </dgm:shape>
          <dgm:presOf/>
          <dgm:constrLst/>
          <dgm:forEach name="Name58" ref="accentRepeat"/>
        </dgm:layoutNode>
      </dgm:forEach>
    </dgm:layoutNod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10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6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7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8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9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>
            <a:spLocks noGrp="1" noRot="1" noChangeAspect="1"/>
          </p:cNvSpPr>
          <p:nvPr>
            <p:ph type="sldImg" idx="2"/>
          </p:nvPr>
        </p:nvSpPr>
        <p:spPr>
          <a:xfrm>
            <a:off x="381175" y="685800"/>
            <a:ext cx="60963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" name="Google Shape;4;n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1pPr>
            <a:lvl2pPr marL="914400" lvl="1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2pPr>
            <a:lvl3pPr marL="1371600" lvl="2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3pPr>
            <a:lvl4pPr marL="1828800" lvl="3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4pPr>
            <a:lvl5pPr marL="2286000" lvl="4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5pPr>
            <a:lvl6pPr marL="2743200" lvl="5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6pPr>
            <a:lvl7pPr marL="3200400" lvl="6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7pPr>
            <a:lvl8pPr marL="3657600" lvl="7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8pPr>
            <a:lvl9pPr marL="4114800" lvl="8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9pPr>
          </a:lstStyle>
          <a:p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" name="Google Shape;68;g35f391192_0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9" name="Google Shape;69;g35f391192_0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68408702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423587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28400461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0812302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85892458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8949995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7062686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83473278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87446761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94374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5" name="Google Shape;115;g35f391192_0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16" name="Google Shape;116;g35f391192_0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021064375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12156779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46439318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445161948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14102826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344296173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146752717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90302699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05931853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8152358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78420006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296124283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65303679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39955334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6917253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478299650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131541527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43305995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95854305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51730968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426506042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166347281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655472087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679511797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881588223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780572281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3763761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11419648"/>
      </p:ext>
    </p:extLst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Google Shape;121;p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2" name="Google Shape;122;p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3" name="Google Shape;273;g35ed75ccf_02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74" name="Google Shape;274;g35ed75ccf_02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6705474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5005558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63428701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50780423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46994226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" type="title">
  <p:cSld name="TITLE"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Google Shape;10;p2"/>
          <p:cNvSpPr txBox="1">
            <a:spLocks noGrp="1"/>
          </p:cNvSpPr>
          <p:nvPr>
            <p:ph type="ctrTitle"/>
          </p:nvPr>
        </p:nvSpPr>
        <p:spPr>
          <a:xfrm>
            <a:off x="996630" y="2003888"/>
            <a:ext cx="4523700" cy="1159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1pPr>
            <a:lvl2pPr lvl="1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2pPr>
            <a:lvl3pPr lvl="2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3pPr>
            <a:lvl4pPr lvl="3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4pPr>
            <a:lvl5pPr lvl="4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5pPr>
            <a:lvl6pPr lvl="5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6pPr>
            <a:lvl7pPr lvl="6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7pPr>
            <a:lvl8pPr lvl="7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8pPr>
            <a:lvl9pPr lvl="8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9pPr>
          </a:lstStyle>
          <a:p>
            <a:endParaRPr/>
          </a:p>
        </p:txBody>
      </p:sp>
      <p:cxnSp>
        <p:nvCxnSpPr>
          <p:cNvPr id="11" name="Google Shape;11;p2"/>
          <p:cNvCxnSpPr/>
          <p:nvPr/>
        </p:nvCxnSpPr>
        <p:spPr>
          <a:xfrm>
            <a:off x="-6025" y="3676512"/>
            <a:ext cx="9162000" cy="0"/>
          </a:xfrm>
          <a:prstGeom prst="straightConnector1">
            <a:avLst/>
          </a:prstGeom>
          <a:noFill/>
          <a:ln w="9525" cap="flat" cmpd="sng">
            <a:solidFill>
              <a:srgbClr val="000000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12" name="Google Shape;12;p2"/>
          <p:cNvSpPr/>
          <p:nvPr/>
        </p:nvSpPr>
        <p:spPr>
          <a:xfrm>
            <a:off x="1117950" y="3393000"/>
            <a:ext cx="567000" cy="5670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Quote">
  <p:cSld name="TITLE_1_1">
    <p:spTree>
      <p:nvGrpSpPr>
        <p:cNvPr id="1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Google Shape;21;p4"/>
          <p:cNvSpPr txBox="1">
            <a:spLocks noGrp="1"/>
          </p:cNvSpPr>
          <p:nvPr>
            <p:ph type="body" idx="1"/>
          </p:nvPr>
        </p:nvSpPr>
        <p:spPr>
          <a:xfrm>
            <a:off x="2105050" y="2238000"/>
            <a:ext cx="4933800" cy="8199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457200" lvl="0" indent="-381000" algn="ctr" rtl="0">
              <a:spcBef>
                <a:spcPts val="600"/>
              </a:spcBef>
              <a:spcAft>
                <a:spcPts val="0"/>
              </a:spcAft>
              <a:buSzPts val="2400"/>
              <a:buFont typeface="Lora"/>
              <a:buChar char="◉"/>
              <a:defRPr sz="2400" i="1">
                <a:latin typeface="Lora"/>
                <a:ea typeface="Lora"/>
                <a:cs typeface="Lora"/>
                <a:sym typeface="Lora"/>
              </a:defRPr>
            </a:lvl1pPr>
            <a:lvl2pPr marL="914400" lvl="1" indent="-355600" algn="ctr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Char char="○"/>
              <a:defRPr i="1">
                <a:latin typeface="Lora"/>
                <a:ea typeface="Lora"/>
                <a:cs typeface="Lora"/>
                <a:sym typeface="Lora"/>
              </a:defRPr>
            </a:lvl2pPr>
            <a:lvl3pPr marL="1371600" lvl="2" indent="-355600" algn="ctr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Char char="■"/>
              <a:defRPr i="1">
                <a:latin typeface="Lora"/>
                <a:ea typeface="Lora"/>
                <a:cs typeface="Lora"/>
                <a:sym typeface="Lora"/>
              </a:defRPr>
            </a:lvl3pPr>
            <a:lvl4pPr marL="1828800" lvl="3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●"/>
              <a:defRPr sz="2400" i="1">
                <a:latin typeface="Lora"/>
                <a:ea typeface="Lora"/>
                <a:cs typeface="Lora"/>
                <a:sym typeface="Lora"/>
              </a:defRPr>
            </a:lvl4pPr>
            <a:lvl5pPr marL="2286000" lvl="4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○"/>
              <a:defRPr sz="2400" i="1">
                <a:latin typeface="Lora"/>
                <a:ea typeface="Lora"/>
                <a:cs typeface="Lora"/>
                <a:sym typeface="Lora"/>
              </a:defRPr>
            </a:lvl5pPr>
            <a:lvl6pPr marL="2743200" lvl="5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■"/>
              <a:defRPr sz="2400" i="1">
                <a:latin typeface="Lora"/>
                <a:ea typeface="Lora"/>
                <a:cs typeface="Lora"/>
                <a:sym typeface="Lora"/>
              </a:defRPr>
            </a:lvl6pPr>
            <a:lvl7pPr marL="3200400" lvl="6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●"/>
              <a:defRPr sz="2400" i="1">
                <a:latin typeface="Lora"/>
                <a:ea typeface="Lora"/>
                <a:cs typeface="Lora"/>
                <a:sym typeface="Lora"/>
              </a:defRPr>
            </a:lvl7pPr>
            <a:lvl8pPr marL="3657600" lvl="7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○"/>
              <a:defRPr sz="2400" i="1">
                <a:latin typeface="Lora"/>
                <a:ea typeface="Lora"/>
                <a:cs typeface="Lora"/>
                <a:sym typeface="Lora"/>
              </a:defRPr>
            </a:lvl8pPr>
            <a:lvl9pPr marL="4114800" lvl="8" indent="-381000" algn="ctr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■"/>
              <a:defRPr sz="2400" i="1"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cxnSp>
        <p:nvCxnSpPr>
          <p:cNvPr id="22" name="Google Shape;22;p4"/>
          <p:cNvCxnSpPr/>
          <p:nvPr/>
        </p:nvCxnSpPr>
        <p:spPr>
          <a:xfrm>
            <a:off x="4584075" y="3676500"/>
            <a:ext cx="0" cy="148050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3" name="Google Shape;23;p4"/>
          <p:cNvSpPr/>
          <p:nvPr/>
        </p:nvSpPr>
        <p:spPr>
          <a:xfrm>
            <a:off x="4288500" y="3393000"/>
            <a:ext cx="567000" cy="5670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4" name="Google Shape;24;p4"/>
          <p:cNvSpPr txBox="1"/>
          <p:nvPr/>
        </p:nvSpPr>
        <p:spPr>
          <a:xfrm>
            <a:off x="3593400" y="3412652"/>
            <a:ext cx="1957200" cy="653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en" sz="3600" b="1">
                <a:latin typeface="Lora"/>
                <a:ea typeface="Lora"/>
                <a:cs typeface="Lora"/>
                <a:sym typeface="Lora"/>
              </a:rPr>
              <a:t>“</a:t>
            </a:r>
            <a:endParaRPr sz="3600" b="1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5" name="Google Shape;25;p4"/>
          <p:cNvSpPr txBox="1">
            <a:spLocks noGrp="1"/>
          </p:cNvSpPr>
          <p:nvPr>
            <p:ph type="sldNum" idx="12"/>
          </p:nvPr>
        </p:nvSpPr>
        <p:spPr>
          <a:xfrm>
            <a:off x="4297650" y="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1pPr>
            <a:lvl2pPr lvl="1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2pPr>
            <a:lvl3pPr lvl="2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3pPr>
            <a:lvl4pPr lvl="3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4pPr>
            <a:lvl5pPr lvl="4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5pPr>
            <a:lvl6pPr lvl="5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6pPr>
            <a:lvl7pPr lvl="6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7pPr>
            <a:lvl8pPr lvl="7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8pPr>
            <a:lvl9pPr lvl="8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1 column" type="tx">
  <p:cSld name="TITLE_AND_BODY">
    <p:spTree>
      <p:nvGrpSpPr>
        <p:cNvPr id="1" name="Shape 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7" name="Google Shape;27;p5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8" name="Google Shape;28;p5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9" name="Google Shape;29;p5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latin typeface="Lora"/>
                <a:ea typeface="Lora"/>
                <a:cs typeface="Lora"/>
                <a:sym typeface="Lora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sp>
        <p:nvSpPr>
          <p:cNvPr id="30" name="Google Shape;30;p5"/>
          <p:cNvSpPr txBox="1">
            <a:spLocks noGrp="1"/>
          </p:cNvSpPr>
          <p:nvPr>
            <p:ph type="body" idx="1"/>
          </p:nvPr>
        </p:nvSpPr>
        <p:spPr>
          <a:xfrm>
            <a:off x="1381250" y="1616470"/>
            <a:ext cx="6809700" cy="3112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81000" rtl="0">
              <a:spcBef>
                <a:spcPts val="600"/>
              </a:spcBef>
              <a:spcAft>
                <a:spcPts val="0"/>
              </a:spcAft>
              <a:buClr>
                <a:srgbClr val="FFCD00"/>
              </a:buClr>
              <a:buSzPts val="2400"/>
              <a:buFont typeface="Quattrocento Sans"/>
              <a:buChar char="◉"/>
              <a:defRPr sz="2400">
                <a:latin typeface="Quattrocento Sans"/>
                <a:ea typeface="Quattrocento Sans"/>
                <a:cs typeface="Quattrocento Sans"/>
                <a:sym typeface="Quattrocento Sans"/>
              </a:defRPr>
            </a:lvl1pPr>
            <a:lvl2pPr marL="914400" lvl="1" indent="-3556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2000"/>
              <a:buFont typeface="Quattrocento Sans"/>
              <a:buChar char="○"/>
              <a:defRPr sz="2000">
                <a:latin typeface="Quattrocento Sans"/>
                <a:ea typeface="Quattrocento Sans"/>
                <a:cs typeface="Quattrocento Sans"/>
                <a:sym typeface="Quattrocento Sans"/>
              </a:defRPr>
            </a:lvl2pPr>
            <a:lvl3pPr marL="1371600" lvl="2" indent="-3556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2000"/>
              <a:buFont typeface="Quattrocento Sans"/>
              <a:buChar char="■"/>
              <a:defRPr sz="2000">
                <a:latin typeface="Quattrocento Sans"/>
                <a:ea typeface="Quattrocento Sans"/>
                <a:cs typeface="Quattrocento Sans"/>
                <a:sym typeface="Quattrocento Sans"/>
              </a:defRPr>
            </a:lvl3pPr>
            <a:lvl4pPr marL="1828800" lvl="3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●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4pPr>
            <a:lvl5pPr marL="2286000" lvl="4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○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5pPr>
            <a:lvl6pPr marL="2743200" lvl="5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■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6pPr>
            <a:lvl7pPr marL="3200400" lvl="6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●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7pPr>
            <a:lvl8pPr marL="3657600" lvl="7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○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8pPr>
            <a:lvl9pPr marL="4114800" lvl="8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■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9pPr>
          </a:lstStyle>
          <a:p>
            <a:endParaRPr/>
          </a:p>
        </p:txBody>
      </p:sp>
      <p:cxnSp>
        <p:nvCxnSpPr>
          <p:cNvPr id="31" name="Google Shape;31;p5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32" name="Google Shape;32;p5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2 columns" type="twoColTx">
  <p:cSld name="TITLE_AND_TWO_COLUMNS"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6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9pPr>
          </a:lstStyle>
          <a:p>
            <a:endParaRPr/>
          </a:p>
        </p:txBody>
      </p:sp>
      <p:sp>
        <p:nvSpPr>
          <p:cNvPr id="35" name="Google Shape;35;p6"/>
          <p:cNvSpPr txBox="1">
            <a:spLocks noGrp="1"/>
          </p:cNvSpPr>
          <p:nvPr>
            <p:ph type="body" idx="1"/>
          </p:nvPr>
        </p:nvSpPr>
        <p:spPr>
          <a:xfrm>
            <a:off x="1381250" y="1618700"/>
            <a:ext cx="342540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55600">
              <a:spcBef>
                <a:spcPts val="600"/>
              </a:spcBef>
              <a:spcAft>
                <a:spcPts val="0"/>
              </a:spcAft>
              <a:buSzPts val="2000"/>
              <a:buChar char="◉"/>
              <a:defRPr sz="2000"/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/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/>
            </a:lvl3pPr>
            <a:lvl4pPr marL="1828800" lvl="3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4pPr>
            <a:lvl5pPr marL="2286000" lvl="4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5pPr>
            <a:lvl6pPr marL="2743200" lvl="5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6pPr>
            <a:lvl7pPr marL="3200400" lvl="6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7pPr>
            <a:lvl8pPr marL="3657600" lvl="7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8pPr>
            <a:lvl9pPr marL="4114800" lvl="8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9pPr>
          </a:lstStyle>
          <a:p>
            <a:endParaRPr/>
          </a:p>
        </p:txBody>
      </p:sp>
      <p:sp>
        <p:nvSpPr>
          <p:cNvPr id="36" name="Google Shape;36;p6"/>
          <p:cNvSpPr txBox="1">
            <a:spLocks noGrp="1"/>
          </p:cNvSpPr>
          <p:nvPr>
            <p:ph type="body" idx="2"/>
          </p:nvPr>
        </p:nvSpPr>
        <p:spPr>
          <a:xfrm>
            <a:off x="5012916" y="1618700"/>
            <a:ext cx="342540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55600">
              <a:spcBef>
                <a:spcPts val="600"/>
              </a:spcBef>
              <a:spcAft>
                <a:spcPts val="0"/>
              </a:spcAft>
              <a:buSzPts val="2000"/>
              <a:buChar char="◉"/>
              <a:defRPr sz="2000"/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/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/>
            </a:lvl3pPr>
            <a:lvl4pPr marL="1828800" lvl="3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4pPr>
            <a:lvl5pPr marL="2286000" lvl="4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5pPr>
            <a:lvl6pPr marL="2743200" lvl="5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6pPr>
            <a:lvl7pPr marL="3200400" lvl="6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7pPr>
            <a:lvl8pPr marL="3657600" lvl="7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8pPr>
            <a:lvl9pPr marL="4114800" lvl="8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9pPr>
          </a:lstStyle>
          <a:p>
            <a:endParaRPr/>
          </a:p>
        </p:txBody>
      </p:sp>
      <p:cxnSp>
        <p:nvCxnSpPr>
          <p:cNvPr id="37" name="Google Shape;37;p6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38" name="Google Shape;38;p6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cxnSp>
        <p:nvCxnSpPr>
          <p:cNvPr id="39" name="Google Shape;39;p6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40" name="Google Shape;40;p6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_ONLY">
    <p:spTree>
      <p:nvGrpSpPr>
        <p:cNvPr id="1" name="Shape 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Google Shape;51;p8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9pPr>
          </a:lstStyle>
          <a:p>
            <a:endParaRPr/>
          </a:p>
        </p:txBody>
      </p:sp>
      <p:cxnSp>
        <p:nvCxnSpPr>
          <p:cNvPr id="52" name="Google Shape;52;p8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3" name="Google Shape;53;p8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cxnSp>
        <p:nvCxnSpPr>
          <p:cNvPr id="54" name="Google Shape;54;p8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5" name="Google Shape;55;p8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2" name="Google Shape;62;p10"/>
          <p:cNvCxnSpPr/>
          <p:nvPr/>
        </p:nvCxnSpPr>
        <p:spPr>
          <a:xfrm>
            <a:off x="-6025" y="4513729"/>
            <a:ext cx="91620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63" name="Google Shape;63;p10"/>
          <p:cNvSpPr/>
          <p:nvPr/>
        </p:nvSpPr>
        <p:spPr>
          <a:xfrm>
            <a:off x="4293700" y="4235405"/>
            <a:ext cx="556500" cy="5565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" name="Google Shape;64;p10"/>
          <p:cNvSpPr txBox="1">
            <a:spLocks noGrp="1"/>
          </p:cNvSpPr>
          <p:nvPr>
            <p:ph type="sldNum" idx="12"/>
          </p:nvPr>
        </p:nvSpPr>
        <p:spPr>
          <a:xfrm>
            <a:off x="4297650" y="4791900"/>
            <a:ext cx="548700" cy="351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1pPr>
            <a:lvl2pPr lvl="1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2pPr>
            <a:lvl3pPr lvl="2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3pPr>
            <a:lvl4pPr lvl="3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4pPr>
            <a:lvl5pPr lvl="4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5pPr>
            <a:lvl6pPr lvl="5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6pPr>
            <a:lvl7pPr lvl="6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7pPr>
            <a:lvl8pPr lvl="7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8pPr>
            <a:lvl9pPr lvl="8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 name="simple-light"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body" idx="1"/>
          </p:nvPr>
        </p:nvSpPr>
        <p:spPr>
          <a:xfrm>
            <a:off x="1381250" y="1616470"/>
            <a:ext cx="6809700" cy="3112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81000">
              <a:spcBef>
                <a:spcPts val="600"/>
              </a:spcBef>
              <a:spcAft>
                <a:spcPts val="0"/>
              </a:spcAft>
              <a:buClr>
                <a:schemeClr val="accent1"/>
              </a:buClr>
              <a:buSzPts val="2400"/>
              <a:buFont typeface="Quattrocento Sans"/>
              <a:buChar char="◉"/>
              <a:defRPr sz="24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000"/>
              <a:buFont typeface="Quattrocento Sans"/>
              <a:buChar char="○"/>
              <a:defRPr sz="20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000"/>
              <a:buFont typeface="Quattrocento Sans"/>
              <a:buChar char="■"/>
              <a:defRPr sz="20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3pPr>
            <a:lvl4pPr marL="1828800" lvl="3" indent="-3429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800"/>
              <a:buFont typeface="Quattrocento Sans"/>
              <a:buChar char="●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4pPr>
            <a:lvl5pPr marL="2286000" lvl="4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○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5pPr>
            <a:lvl6pPr marL="2743200" lvl="5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■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6pPr>
            <a:lvl7pPr marL="3200400" lvl="6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●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7pPr>
            <a:lvl8pPr marL="3657600" lvl="7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○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8pPr>
            <a:lvl9pPr marL="4114800" lvl="8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■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title"/>
          </p:nvPr>
        </p:nvSpPr>
        <p:spPr>
          <a:xfrm>
            <a:off x="1381250" y="896549"/>
            <a:ext cx="6809700" cy="435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sp>
        <p:nvSpPr>
          <p:cNvPr id="8" name="Google Shape;8;p1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1pPr>
            <a:lvl2pPr lvl="1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2pPr>
            <a:lvl3pPr lvl="2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3pPr>
            <a:lvl4pPr lvl="3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4pPr>
            <a:lvl5pPr lvl="4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5pPr>
            <a:lvl6pPr lvl="5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6pPr>
            <a:lvl7pPr lvl="6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7pPr>
            <a:lvl8pPr lvl="7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8pPr>
            <a:lvl9pPr lvl="8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50" r:id="rId2"/>
    <p:sldLayoutId id="2147483651" r:id="rId3"/>
    <p:sldLayoutId id="2147483652" r:id="rId4"/>
    <p:sldLayoutId id="2147483654" r:id="rId5"/>
    <p:sldLayoutId id="2147483656" r:id="rId6"/>
  </p:sldLayoutIdLst>
  <p:transition>
    <p:fade thruBlk="1"/>
  </p:transition>
  <p:hf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diagramColors" Target="../diagrams/colors6.xml"/><Relationship Id="rId3" Type="http://schemas.openxmlformats.org/officeDocument/2006/relationships/image" Target="../media/image6.png"/><Relationship Id="rId7" Type="http://schemas.openxmlformats.org/officeDocument/2006/relationships/diagramQuickStyle" Target="../diagrams/quickStyle6.xm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4.xml"/><Relationship Id="rId6" Type="http://schemas.openxmlformats.org/officeDocument/2006/relationships/diagramLayout" Target="../diagrams/layout6.xml"/><Relationship Id="rId5" Type="http://schemas.openxmlformats.org/officeDocument/2006/relationships/diagramData" Target="../diagrams/data6.xml"/><Relationship Id="rId4" Type="http://schemas.openxmlformats.org/officeDocument/2006/relationships/image" Target="../media/image7.png"/><Relationship Id="rId9" Type="http://schemas.microsoft.com/office/2007/relationships/diagramDrawing" Target="../diagrams/drawing6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diagramData" Target="../diagrams/data7.xml"/><Relationship Id="rId7" Type="http://schemas.microsoft.com/office/2007/relationships/diagramDrawing" Target="../diagrams/drawing7.xml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7.xml"/><Relationship Id="rId5" Type="http://schemas.openxmlformats.org/officeDocument/2006/relationships/diagramQuickStyle" Target="../diagrams/quickStyle7.xml"/><Relationship Id="rId4" Type="http://schemas.openxmlformats.org/officeDocument/2006/relationships/diagramLayout" Target="../diagrams/layout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10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8.xml"/><Relationship Id="rId7" Type="http://schemas.microsoft.com/office/2007/relationships/diagramDrawing" Target="../diagrams/drawing8.xml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8.xml"/><Relationship Id="rId5" Type="http://schemas.openxmlformats.org/officeDocument/2006/relationships/diagramQuickStyle" Target="../diagrams/quickStyle8.xml"/><Relationship Id="rId4" Type="http://schemas.openxmlformats.org/officeDocument/2006/relationships/diagramLayout" Target="../diagrams/layout8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17.png"/><Relationship Id="rId4" Type="http://schemas.openxmlformats.org/officeDocument/2006/relationships/image" Target="../media/image16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21.png"/><Relationship Id="rId5" Type="http://schemas.openxmlformats.org/officeDocument/2006/relationships/image" Target="../media/image20.png"/><Relationship Id="rId4" Type="http://schemas.openxmlformats.org/officeDocument/2006/relationships/image" Target="../media/image19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3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26.png"/><Relationship Id="rId4" Type="http://schemas.openxmlformats.org/officeDocument/2006/relationships/image" Target="../media/image25.pn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29.png"/><Relationship Id="rId4" Type="http://schemas.openxmlformats.org/officeDocument/2006/relationships/image" Target="../media/image28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7" Type="http://schemas.openxmlformats.org/officeDocument/2006/relationships/image" Target="../media/image34.pn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33.png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pn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40.png"/><Relationship Id="rId4" Type="http://schemas.openxmlformats.org/officeDocument/2006/relationships/image" Target="../media/image39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pn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2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3.png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4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5.png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6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7.pn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8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png"/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0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51.png"/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2.png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5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3.png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4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55.png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57.png"/><Relationship Id="rId4" Type="http://schemas.openxmlformats.org/officeDocument/2006/relationships/image" Target="../media/image56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9.xml"/><Relationship Id="rId7" Type="http://schemas.microsoft.com/office/2007/relationships/diagramDrawing" Target="../diagrams/drawing9.xml"/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9.xml"/><Relationship Id="rId5" Type="http://schemas.openxmlformats.org/officeDocument/2006/relationships/diagramQuickStyle" Target="../diagrams/quickStyle9.xml"/><Relationship Id="rId4" Type="http://schemas.openxmlformats.org/officeDocument/2006/relationships/diagramLayout" Target="../diagrams/layout9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5.xml"/></Relationships>
</file>

<file path=ppt/slides/_rels/slide34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0.xml"/><Relationship Id="rId3" Type="http://schemas.openxmlformats.org/officeDocument/2006/relationships/image" Target="../media/image58.png"/><Relationship Id="rId7" Type="http://schemas.openxmlformats.org/officeDocument/2006/relationships/diagramColors" Target="../diagrams/colors10.xml"/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4.xml"/><Relationship Id="rId6" Type="http://schemas.openxmlformats.org/officeDocument/2006/relationships/diagramQuickStyle" Target="../diagrams/quickStyle10.xml"/><Relationship Id="rId5" Type="http://schemas.openxmlformats.org/officeDocument/2006/relationships/diagramLayout" Target="../diagrams/layout10.xml"/><Relationship Id="rId4" Type="http://schemas.openxmlformats.org/officeDocument/2006/relationships/diagramData" Target="../diagrams/data10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9.png"/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0.pn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1.png"/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4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2.emf"/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4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3.png"/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4.pn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5.png"/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4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5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6.png"/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7.png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8.png"/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9.png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70.png"/><Relationship Id="rId2" Type="http://schemas.openxmlformats.org/officeDocument/2006/relationships/notesSlide" Target="../notesSlides/notesSlide42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72.png"/><Relationship Id="rId4" Type="http://schemas.openxmlformats.org/officeDocument/2006/relationships/image" Target="../media/image71.png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73.png"/><Relationship Id="rId2" Type="http://schemas.openxmlformats.org/officeDocument/2006/relationships/notesSlide" Target="../notesSlides/notesSlide43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74.png"/></Relationships>
</file>

<file path=ppt/slides/_rels/slide4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4.xml"/><Relationship Id="rId1" Type="http://schemas.openxmlformats.org/officeDocument/2006/relationships/slideLayout" Target="../slideLayouts/slideLayout5.xml"/></Relationships>
</file>

<file path=ppt/slides/_rels/slide4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5.xml"/><Relationship Id="rId1" Type="http://schemas.openxmlformats.org/officeDocument/2006/relationships/slideLayout" Target="../slideLayouts/slideLayout4.xml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5.jpeg"/><Relationship Id="rId2" Type="http://schemas.openxmlformats.org/officeDocument/2006/relationships/notesSlide" Target="../notesSlides/notesSlide46.xml"/><Relationship Id="rId1" Type="http://schemas.openxmlformats.org/officeDocument/2006/relationships/slideLayout" Target="../slideLayouts/slideLayout4.xml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6.png"/><Relationship Id="rId2" Type="http://schemas.openxmlformats.org/officeDocument/2006/relationships/notesSlide" Target="../notesSlides/notesSlide47.xml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79.png"/><Relationship Id="rId5" Type="http://schemas.openxmlformats.org/officeDocument/2006/relationships/image" Target="../media/image78.png"/><Relationship Id="rId4" Type="http://schemas.openxmlformats.org/officeDocument/2006/relationships/image" Target="../media/image77.png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hyperlink" Target="https://github.com/sashasevryuk/diplom_Sevryuk.github.io.git" TargetMode="External"/><Relationship Id="rId2" Type="http://schemas.openxmlformats.org/officeDocument/2006/relationships/notesSlide" Target="../notesSlides/notesSlide48.xml"/><Relationship Id="rId1" Type="http://schemas.openxmlformats.org/officeDocument/2006/relationships/slideLayout" Target="../slideLayouts/slideLayout6.xml"/><Relationship Id="rId6" Type="http://schemas.openxmlformats.org/officeDocument/2006/relationships/hyperlink" Target="https://sashasevryuk.github.io/diplom_Sevryuk.github.io/" TargetMode="External"/><Relationship Id="rId5" Type="http://schemas.openxmlformats.org/officeDocument/2006/relationships/hyperlink" Target="https://www.figma.com/file/QL0WkOIcYDSLE9f95NH9yt/%D0%B4%D0%B8%D0%BF%D0%BB%D0%BE%D0%25B%20C%D0%BD%D1%8B%D0%B9-%D0%BF%D1%80%D0%BE%D0%B5%D0%BA%D1%82?node-id=0%3A1" TargetMode="External"/><Relationship Id="rId4" Type="http://schemas.openxmlformats.org/officeDocument/2006/relationships/hyperlink" Target="https://github.com/sashasevryuk/diplom_Sevryuk.github.io/tree/main/presentation" TargetMode="Externa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1.xml"/><Relationship Id="rId5" Type="http://schemas.openxmlformats.org/officeDocument/2006/relationships/diagramQuickStyle" Target="../diagrams/quickStyle1.xml"/><Relationship Id="rId4" Type="http://schemas.openxmlformats.org/officeDocument/2006/relationships/diagramLayout" Target="../diagrams/layout1.xml"/><Relationship Id="rId9" Type="http://schemas.openxmlformats.org/officeDocument/2006/relationships/image" Target="../media/image5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2.xml"/><Relationship Id="rId7" Type="http://schemas.microsoft.com/office/2007/relationships/diagramDrawing" Target="../diagrams/drawing2.xml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2.xml"/><Relationship Id="rId5" Type="http://schemas.openxmlformats.org/officeDocument/2006/relationships/diagramQuickStyle" Target="../diagrams/quickStyle2.xml"/><Relationship Id="rId4" Type="http://schemas.openxmlformats.org/officeDocument/2006/relationships/diagramLayout" Target="../diagrams/layout2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chart" Target="../charts/chart1.xml"/><Relationship Id="rId3" Type="http://schemas.openxmlformats.org/officeDocument/2006/relationships/diagramData" Target="../diagrams/data3.xml"/><Relationship Id="rId7" Type="http://schemas.microsoft.com/office/2007/relationships/diagramDrawing" Target="../diagrams/drawing3.xm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3.xml"/><Relationship Id="rId5" Type="http://schemas.openxmlformats.org/officeDocument/2006/relationships/diagramQuickStyle" Target="../diagrams/quickStyle3.xml"/><Relationship Id="rId4" Type="http://schemas.openxmlformats.org/officeDocument/2006/relationships/diagramLayout" Target="../diagrams/layout3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diagramData" Target="../diagrams/data5.xml"/><Relationship Id="rId3" Type="http://schemas.openxmlformats.org/officeDocument/2006/relationships/diagramData" Target="../diagrams/data4.xml"/><Relationship Id="rId7" Type="http://schemas.microsoft.com/office/2007/relationships/diagramDrawing" Target="../diagrams/drawing4.xml"/><Relationship Id="rId12" Type="http://schemas.microsoft.com/office/2007/relationships/diagramDrawing" Target="../diagrams/drawing5.xm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4.xml"/><Relationship Id="rId11" Type="http://schemas.openxmlformats.org/officeDocument/2006/relationships/diagramColors" Target="../diagrams/colors5.xml"/><Relationship Id="rId5" Type="http://schemas.openxmlformats.org/officeDocument/2006/relationships/diagramQuickStyle" Target="../diagrams/quickStyle4.xml"/><Relationship Id="rId10" Type="http://schemas.openxmlformats.org/officeDocument/2006/relationships/diagramQuickStyle" Target="../diagrams/quickStyle5.xml"/><Relationship Id="rId4" Type="http://schemas.openxmlformats.org/officeDocument/2006/relationships/diagramLayout" Target="../diagrams/layout4.xml"/><Relationship Id="rId9" Type="http://schemas.openxmlformats.org/officeDocument/2006/relationships/diagramLayout" Target="../diagrams/layout5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" name="Google Shape;71;p12"/>
          <p:cNvSpPr txBox="1">
            <a:spLocks noGrp="1"/>
          </p:cNvSpPr>
          <p:nvPr>
            <p:ph type="ctrTitle"/>
          </p:nvPr>
        </p:nvSpPr>
        <p:spPr>
          <a:xfrm>
            <a:off x="996629" y="2003888"/>
            <a:ext cx="7775895" cy="1159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/>
          <a:p>
            <a:r>
              <a:rPr lang="ru-RU" sz="2400" dirty="0"/>
              <a:t>Разработка </a:t>
            </a:r>
            <a:r>
              <a:rPr lang="ru-RU" sz="2400" dirty="0">
                <a:highlight>
                  <a:schemeClr val="accent1"/>
                </a:highlight>
                <a:sym typeface="Quattrocento Sans"/>
              </a:rPr>
              <a:t>сайта </a:t>
            </a:r>
            <a:r>
              <a:rPr lang="en-US" sz="2400" dirty="0">
                <a:highlight>
                  <a:schemeClr val="accent1"/>
                </a:highlight>
                <a:sym typeface="Quattrocento Sans"/>
              </a:rPr>
              <a:t>HR </a:t>
            </a:r>
            <a:r>
              <a:rPr lang="ru-RU" sz="2400" dirty="0">
                <a:highlight>
                  <a:schemeClr val="accent1"/>
                </a:highlight>
                <a:sym typeface="Quattrocento Sans"/>
              </a:rPr>
              <a:t>отдела </a:t>
            </a:r>
            <a:br>
              <a:rPr lang="ru-RU" sz="2400" dirty="0"/>
            </a:br>
            <a:r>
              <a:rPr lang="ru-RU" sz="2400" dirty="0"/>
              <a:t>ОАО «АСБ Беларусбанк»</a:t>
            </a:r>
            <a:endParaRPr sz="2400" dirty="0"/>
          </a:p>
        </p:txBody>
      </p:sp>
      <p:grpSp>
        <p:nvGrpSpPr>
          <p:cNvPr id="72" name="Google Shape;72;p12"/>
          <p:cNvGrpSpPr/>
          <p:nvPr/>
        </p:nvGrpSpPr>
        <p:grpSpPr>
          <a:xfrm>
            <a:off x="1299165" y="3511424"/>
            <a:ext cx="215966" cy="342399"/>
            <a:chOff x="6718575" y="2318625"/>
            <a:chExt cx="256950" cy="407375"/>
          </a:xfrm>
        </p:grpSpPr>
        <p:sp>
          <p:nvSpPr>
            <p:cNvPr id="73" name="Google Shape;73;p12"/>
            <p:cNvSpPr/>
            <p:nvPr/>
          </p:nvSpPr>
          <p:spPr>
            <a:xfrm>
              <a:off x="6795900" y="2673600"/>
              <a:ext cx="102300" cy="22550"/>
            </a:xfrm>
            <a:custGeom>
              <a:avLst/>
              <a:gdLst/>
              <a:ahLst/>
              <a:cxnLst/>
              <a:rect l="l" t="t" r="r" b="b"/>
              <a:pathLst>
                <a:path w="4092" h="902" fill="none" extrusionOk="0">
                  <a:moveTo>
                    <a:pt x="4092" y="902"/>
                  </a:moveTo>
                  <a:lnTo>
                    <a:pt x="4092" y="1"/>
                  </a:lnTo>
                  <a:lnTo>
                    <a:pt x="0" y="1"/>
                  </a:lnTo>
                  <a:lnTo>
                    <a:pt x="0" y="902"/>
                  </a:lnTo>
                  <a:lnTo>
                    <a:pt x="4092" y="902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4" name="Google Shape;74;p12"/>
            <p:cNvSpPr/>
            <p:nvPr/>
          </p:nvSpPr>
          <p:spPr>
            <a:xfrm>
              <a:off x="6795900" y="2650475"/>
              <a:ext cx="102300" cy="22550"/>
            </a:xfrm>
            <a:custGeom>
              <a:avLst/>
              <a:gdLst/>
              <a:ahLst/>
              <a:cxnLst/>
              <a:rect l="l" t="t" r="r" b="b"/>
              <a:pathLst>
                <a:path w="4092" h="902" fill="none" extrusionOk="0">
                  <a:moveTo>
                    <a:pt x="4092" y="901"/>
                  </a:moveTo>
                  <a:lnTo>
                    <a:pt x="4092" y="0"/>
                  </a:lnTo>
                  <a:lnTo>
                    <a:pt x="0" y="0"/>
                  </a:lnTo>
                  <a:lnTo>
                    <a:pt x="0" y="901"/>
                  </a:lnTo>
                  <a:lnTo>
                    <a:pt x="4092" y="901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5" name="Google Shape;75;p12"/>
            <p:cNvSpPr/>
            <p:nvPr/>
          </p:nvSpPr>
          <p:spPr>
            <a:xfrm>
              <a:off x="6795900" y="2696125"/>
              <a:ext cx="102300" cy="29875"/>
            </a:xfrm>
            <a:custGeom>
              <a:avLst/>
              <a:gdLst/>
              <a:ahLst/>
              <a:cxnLst/>
              <a:rect l="l" t="t" r="r" b="b"/>
              <a:pathLst>
                <a:path w="4092" h="1195" fill="none" extrusionOk="0">
                  <a:moveTo>
                    <a:pt x="0" y="1"/>
                  </a:moveTo>
                  <a:lnTo>
                    <a:pt x="0" y="171"/>
                  </a:lnTo>
                  <a:lnTo>
                    <a:pt x="0" y="171"/>
                  </a:lnTo>
                  <a:lnTo>
                    <a:pt x="24" y="318"/>
                  </a:lnTo>
                  <a:lnTo>
                    <a:pt x="98" y="464"/>
                  </a:lnTo>
                  <a:lnTo>
                    <a:pt x="195" y="585"/>
                  </a:lnTo>
                  <a:lnTo>
                    <a:pt x="341" y="659"/>
                  </a:lnTo>
                  <a:lnTo>
                    <a:pt x="1875" y="1170"/>
                  </a:lnTo>
                  <a:lnTo>
                    <a:pt x="1875" y="1170"/>
                  </a:lnTo>
                  <a:lnTo>
                    <a:pt x="2046" y="1194"/>
                  </a:lnTo>
                  <a:lnTo>
                    <a:pt x="2046" y="1194"/>
                  </a:lnTo>
                  <a:lnTo>
                    <a:pt x="2216" y="1170"/>
                  </a:lnTo>
                  <a:lnTo>
                    <a:pt x="3751" y="659"/>
                  </a:lnTo>
                  <a:lnTo>
                    <a:pt x="3751" y="659"/>
                  </a:lnTo>
                  <a:lnTo>
                    <a:pt x="3897" y="585"/>
                  </a:lnTo>
                  <a:lnTo>
                    <a:pt x="3994" y="464"/>
                  </a:lnTo>
                  <a:lnTo>
                    <a:pt x="4067" y="318"/>
                  </a:lnTo>
                  <a:lnTo>
                    <a:pt x="4092" y="171"/>
                  </a:lnTo>
                  <a:lnTo>
                    <a:pt x="4092" y="1"/>
                  </a:lnTo>
                  <a:lnTo>
                    <a:pt x="0" y="1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6" name="Google Shape;76;p12"/>
            <p:cNvSpPr/>
            <p:nvPr/>
          </p:nvSpPr>
          <p:spPr>
            <a:xfrm>
              <a:off x="6784925" y="2459275"/>
              <a:ext cx="35350" cy="166875"/>
            </a:xfrm>
            <a:custGeom>
              <a:avLst/>
              <a:gdLst/>
              <a:ahLst/>
              <a:cxnLst/>
              <a:rect l="l" t="t" r="r" b="b"/>
              <a:pathLst>
                <a:path w="1414" h="6675" fill="none" extrusionOk="0">
                  <a:moveTo>
                    <a:pt x="1413" y="6674"/>
                  </a:moveTo>
                  <a:lnTo>
                    <a:pt x="1413" y="6674"/>
                  </a:lnTo>
                  <a:lnTo>
                    <a:pt x="585" y="2850"/>
                  </a:lnTo>
                  <a:lnTo>
                    <a:pt x="1" y="1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7" name="Google Shape;77;p12"/>
            <p:cNvSpPr/>
            <p:nvPr/>
          </p:nvSpPr>
          <p:spPr>
            <a:xfrm>
              <a:off x="6718575" y="2318625"/>
              <a:ext cx="256950" cy="307525"/>
            </a:xfrm>
            <a:custGeom>
              <a:avLst/>
              <a:gdLst/>
              <a:ahLst/>
              <a:cxnLst/>
              <a:rect l="l" t="t" r="r" b="b"/>
              <a:pathLst>
                <a:path w="10278" h="12301" fill="none" extrusionOk="0">
                  <a:moveTo>
                    <a:pt x="7185" y="12300"/>
                  </a:moveTo>
                  <a:lnTo>
                    <a:pt x="7185" y="12300"/>
                  </a:lnTo>
                  <a:lnTo>
                    <a:pt x="7307" y="11764"/>
                  </a:lnTo>
                  <a:lnTo>
                    <a:pt x="7477" y="11253"/>
                  </a:lnTo>
                  <a:lnTo>
                    <a:pt x="7672" y="10766"/>
                  </a:lnTo>
                  <a:lnTo>
                    <a:pt x="7891" y="10327"/>
                  </a:lnTo>
                  <a:lnTo>
                    <a:pt x="8135" y="9913"/>
                  </a:lnTo>
                  <a:lnTo>
                    <a:pt x="8378" y="9499"/>
                  </a:lnTo>
                  <a:lnTo>
                    <a:pt x="8914" y="8720"/>
                  </a:lnTo>
                  <a:lnTo>
                    <a:pt x="9182" y="8330"/>
                  </a:lnTo>
                  <a:lnTo>
                    <a:pt x="9425" y="7941"/>
                  </a:lnTo>
                  <a:lnTo>
                    <a:pt x="9645" y="7551"/>
                  </a:lnTo>
                  <a:lnTo>
                    <a:pt x="9864" y="7113"/>
                  </a:lnTo>
                  <a:lnTo>
                    <a:pt x="10034" y="6674"/>
                  </a:lnTo>
                  <a:lnTo>
                    <a:pt x="10156" y="6187"/>
                  </a:lnTo>
                  <a:lnTo>
                    <a:pt x="10229" y="5676"/>
                  </a:lnTo>
                  <a:lnTo>
                    <a:pt x="10253" y="5408"/>
                  </a:lnTo>
                  <a:lnTo>
                    <a:pt x="10278" y="5140"/>
                  </a:lnTo>
                  <a:lnTo>
                    <a:pt x="10278" y="5140"/>
                  </a:lnTo>
                  <a:lnTo>
                    <a:pt x="10229" y="4604"/>
                  </a:lnTo>
                  <a:lnTo>
                    <a:pt x="10156" y="4093"/>
                  </a:lnTo>
                  <a:lnTo>
                    <a:pt x="10034" y="3605"/>
                  </a:lnTo>
                  <a:lnTo>
                    <a:pt x="9864" y="3143"/>
                  </a:lnTo>
                  <a:lnTo>
                    <a:pt x="9645" y="2680"/>
                  </a:lnTo>
                  <a:lnTo>
                    <a:pt x="9401" y="2266"/>
                  </a:lnTo>
                  <a:lnTo>
                    <a:pt x="9084" y="1876"/>
                  </a:lnTo>
                  <a:lnTo>
                    <a:pt x="8768" y="1511"/>
                  </a:lnTo>
                  <a:lnTo>
                    <a:pt x="8402" y="1170"/>
                  </a:lnTo>
                  <a:lnTo>
                    <a:pt x="8013" y="878"/>
                  </a:lnTo>
                  <a:lnTo>
                    <a:pt x="7574" y="634"/>
                  </a:lnTo>
                  <a:lnTo>
                    <a:pt x="7136" y="415"/>
                  </a:lnTo>
                  <a:lnTo>
                    <a:pt x="6673" y="244"/>
                  </a:lnTo>
                  <a:lnTo>
                    <a:pt x="6162" y="98"/>
                  </a:lnTo>
                  <a:lnTo>
                    <a:pt x="5675" y="25"/>
                  </a:lnTo>
                  <a:lnTo>
                    <a:pt x="5139" y="1"/>
                  </a:lnTo>
                  <a:lnTo>
                    <a:pt x="5139" y="1"/>
                  </a:lnTo>
                  <a:lnTo>
                    <a:pt x="4603" y="25"/>
                  </a:lnTo>
                  <a:lnTo>
                    <a:pt x="4116" y="98"/>
                  </a:lnTo>
                  <a:lnTo>
                    <a:pt x="3605" y="244"/>
                  </a:lnTo>
                  <a:lnTo>
                    <a:pt x="3142" y="415"/>
                  </a:lnTo>
                  <a:lnTo>
                    <a:pt x="2703" y="634"/>
                  </a:lnTo>
                  <a:lnTo>
                    <a:pt x="2265" y="878"/>
                  </a:lnTo>
                  <a:lnTo>
                    <a:pt x="1875" y="1170"/>
                  </a:lnTo>
                  <a:lnTo>
                    <a:pt x="1510" y="1511"/>
                  </a:lnTo>
                  <a:lnTo>
                    <a:pt x="1193" y="1876"/>
                  </a:lnTo>
                  <a:lnTo>
                    <a:pt x="877" y="2266"/>
                  </a:lnTo>
                  <a:lnTo>
                    <a:pt x="633" y="2680"/>
                  </a:lnTo>
                  <a:lnTo>
                    <a:pt x="414" y="3143"/>
                  </a:lnTo>
                  <a:lnTo>
                    <a:pt x="244" y="3605"/>
                  </a:lnTo>
                  <a:lnTo>
                    <a:pt x="122" y="4093"/>
                  </a:lnTo>
                  <a:lnTo>
                    <a:pt x="49" y="4604"/>
                  </a:lnTo>
                  <a:lnTo>
                    <a:pt x="0" y="5140"/>
                  </a:lnTo>
                  <a:lnTo>
                    <a:pt x="0" y="5140"/>
                  </a:lnTo>
                  <a:lnTo>
                    <a:pt x="24" y="5408"/>
                  </a:lnTo>
                  <a:lnTo>
                    <a:pt x="49" y="5676"/>
                  </a:lnTo>
                  <a:lnTo>
                    <a:pt x="122" y="6187"/>
                  </a:lnTo>
                  <a:lnTo>
                    <a:pt x="244" y="6674"/>
                  </a:lnTo>
                  <a:lnTo>
                    <a:pt x="414" y="7113"/>
                  </a:lnTo>
                  <a:lnTo>
                    <a:pt x="633" y="7551"/>
                  </a:lnTo>
                  <a:lnTo>
                    <a:pt x="852" y="7941"/>
                  </a:lnTo>
                  <a:lnTo>
                    <a:pt x="1096" y="8330"/>
                  </a:lnTo>
                  <a:lnTo>
                    <a:pt x="1364" y="8720"/>
                  </a:lnTo>
                  <a:lnTo>
                    <a:pt x="1900" y="9499"/>
                  </a:lnTo>
                  <a:lnTo>
                    <a:pt x="2143" y="9913"/>
                  </a:lnTo>
                  <a:lnTo>
                    <a:pt x="2387" y="10327"/>
                  </a:lnTo>
                  <a:lnTo>
                    <a:pt x="2606" y="10766"/>
                  </a:lnTo>
                  <a:lnTo>
                    <a:pt x="2801" y="11253"/>
                  </a:lnTo>
                  <a:lnTo>
                    <a:pt x="2971" y="11764"/>
                  </a:lnTo>
                  <a:lnTo>
                    <a:pt x="3093" y="1230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8" name="Google Shape;78;p12"/>
            <p:cNvSpPr/>
            <p:nvPr/>
          </p:nvSpPr>
          <p:spPr>
            <a:xfrm>
              <a:off x="6873825" y="2459275"/>
              <a:ext cx="35350" cy="166875"/>
            </a:xfrm>
            <a:custGeom>
              <a:avLst/>
              <a:gdLst/>
              <a:ahLst/>
              <a:cxnLst/>
              <a:rect l="l" t="t" r="r" b="b"/>
              <a:pathLst>
                <a:path w="1414" h="6675" fill="none" extrusionOk="0">
                  <a:moveTo>
                    <a:pt x="1413" y="1"/>
                  </a:moveTo>
                  <a:lnTo>
                    <a:pt x="1413" y="1"/>
                  </a:lnTo>
                  <a:lnTo>
                    <a:pt x="829" y="2850"/>
                  </a:lnTo>
                  <a:lnTo>
                    <a:pt x="1" y="6674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9" name="Google Shape;79;p12"/>
            <p:cNvSpPr/>
            <p:nvPr/>
          </p:nvSpPr>
          <p:spPr>
            <a:xfrm>
              <a:off x="6801975" y="2453200"/>
              <a:ext cx="90150" cy="19500"/>
            </a:xfrm>
            <a:custGeom>
              <a:avLst/>
              <a:gdLst/>
              <a:ahLst/>
              <a:cxnLst/>
              <a:rect l="l" t="t" r="r" b="b"/>
              <a:pathLst>
                <a:path w="3606" h="780" fill="none" extrusionOk="0">
                  <a:moveTo>
                    <a:pt x="1" y="73"/>
                  </a:moveTo>
                  <a:lnTo>
                    <a:pt x="829" y="780"/>
                  </a:lnTo>
                  <a:lnTo>
                    <a:pt x="1657" y="73"/>
                  </a:lnTo>
                  <a:lnTo>
                    <a:pt x="1657" y="73"/>
                  </a:lnTo>
                  <a:lnTo>
                    <a:pt x="1730" y="25"/>
                  </a:lnTo>
                  <a:lnTo>
                    <a:pt x="1803" y="0"/>
                  </a:lnTo>
                  <a:lnTo>
                    <a:pt x="1876" y="25"/>
                  </a:lnTo>
                  <a:lnTo>
                    <a:pt x="1949" y="73"/>
                  </a:lnTo>
                  <a:lnTo>
                    <a:pt x="2777" y="780"/>
                  </a:lnTo>
                  <a:lnTo>
                    <a:pt x="3605" y="7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80" name="Google Shape;80;p12"/>
            <p:cNvSpPr/>
            <p:nvPr/>
          </p:nvSpPr>
          <p:spPr>
            <a:xfrm>
              <a:off x="6795900" y="2628550"/>
              <a:ext cx="102300" cy="25"/>
            </a:xfrm>
            <a:custGeom>
              <a:avLst/>
              <a:gdLst/>
              <a:ahLst/>
              <a:cxnLst/>
              <a:rect l="l" t="t" r="r" b="b"/>
              <a:pathLst>
                <a:path w="4092" h="1" fill="none" extrusionOk="0">
                  <a:moveTo>
                    <a:pt x="0" y="1"/>
                  </a:moveTo>
                  <a:lnTo>
                    <a:pt x="4092" y="1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2" name="Google Shape;111;p15">
            <a:extLst>
              <a:ext uri="{FF2B5EF4-FFF2-40B4-BE49-F238E27FC236}">
                <a16:creationId xmlns:a16="http://schemas.microsoft.com/office/drawing/2014/main" id="{95FEF345-464B-4888-A2F8-108D65BF29BB}"/>
              </a:ext>
            </a:extLst>
          </p:cNvPr>
          <p:cNvSpPr txBox="1">
            <a:spLocks/>
          </p:cNvSpPr>
          <p:nvPr/>
        </p:nvSpPr>
        <p:spPr>
          <a:xfrm>
            <a:off x="2253435" y="3699769"/>
            <a:ext cx="2861490" cy="35781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r>
              <a:rPr lang="ru-RU" dirty="0">
                <a:solidFill>
                  <a:schemeClr val="dk1"/>
                </a:solidFill>
                <a:highlight>
                  <a:schemeClr val="accent1"/>
                </a:highlight>
                <a:sym typeface="Quattrocento Sans"/>
              </a:rPr>
              <a:t>Выполнила Севрюк Александра</a:t>
            </a:r>
            <a:endParaRPr lang="en-US" dirty="0">
              <a:solidFill>
                <a:schemeClr val="dk1"/>
              </a:solidFill>
              <a:highlight>
                <a:schemeClr val="accent1"/>
              </a:highlight>
              <a:latin typeface="Quattrocento Sans"/>
              <a:sym typeface="Quattrocento Sans"/>
            </a:endParaRPr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8E053DAB-995F-49AE-AD4F-4F9ACDC74B59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5265904" y="132734"/>
            <a:ext cx="3870961" cy="2856832"/>
          </a:xfrm>
          <a:prstGeom prst="rect">
            <a:avLst/>
          </a:prstGeom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7C923B46-EA2A-451E-8A3D-9F5FE916E67A}"/>
              </a:ext>
            </a:extLst>
          </p:cNvPr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220" r="2332" b="6181"/>
          <a:stretch/>
        </p:blipFill>
        <p:spPr bwMode="auto">
          <a:xfrm>
            <a:off x="4895517" y="3115124"/>
            <a:ext cx="3920934" cy="1895643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1 Анализ информации от заказчика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ие и описание бизнес-процессов и их показателей, </a:t>
            </a:r>
            <a:br>
              <a:rPr lang="ru-RU" sz="1400" dirty="0"/>
            </a:br>
            <a:r>
              <a:rPr lang="ru-RU" sz="1400" dirty="0"/>
              <a:t>разработка </a:t>
            </a:r>
            <a:r>
              <a:rPr lang="en-US" sz="1400" dirty="0"/>
              <a:t>Mind Map</a:t>
            </a:r>
            <a:r>
              <a:rPr lang="ru-RU" sz="1400" dirty="0"/>
              <a:t>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0</a:t>
            </a:fld>
            <a:endParaRPr/>
          </a:p>
        </p:txBody>
      </p:sp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35F6C604-1AED-4B18-9039-047567A8B3C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889614946"/>
              </p:ext>
            </p:extLst>
          </p:nvPr>
        </p:nvGraphicFramePr>
        <p:xfrm>
          <a:off x="567356" y="2657653"/>
          <a:ext cx="4187524" cy="221411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5" r:lo="rId6" r:qs="rId7" r:cs="rId8"/>
          </a:graphicData>
        </a:graphic>
      </p:graphicFrame>
    </p:spTree>
    <p:extLst>
      <p:ext uri="{BB962C8B-B14F-4D97-AF65-F5344CB8AC3E}">
        <p14:creationId xmlns:p14="http://schemas.microsoft.com/office/powerpoint/2010/main" val="5086945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Схема 4">
            <a:extLst>
              <a:ext uri="{FF2B5EF4-FFF2-40B4-BE49-F238E27FC236}">
                <a16:creationId xmlns:a16="http://schemas.microsoft.com/office/drawing/2014/main" id="{BEF9E485-A1A1-4658-85A1-1BE6019BA1F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52680154"/>
              </p:ext>
            </p:extLst>
          </p:nvPr>
        </p:nvGraphicFramePr>
        <p:xfrm>
          <a:off x="4078954" y="538716"/>
          <a:ext cx="6096000" cy="4282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2 Анализ задач пользователя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ие и описание пользовательских задач, проблем </a:t>
            </a:r>
            <a:br>
              <a:rPr lang="ru-RU" sz="1400" dirty="0"/>
            </a:br>
            <a:r>
              <a:rPr lang="ru-RU" sz="1400" dirty="0"/>
              <a:t>и их решений, написание сценариев поведения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1</a:t>
            </a:fld>
            <a:endParaRPr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B37D3D68-3597-4A0E-AFC8-7B3F85088483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512063" y="2657094"/>
            <a:ext cx="4692777" cy="213606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23903956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: один скругленный угол 1">
            <a:extLst>
              <a:ext uri="{FF2B5EF4-FFF2-40B4-BE49-F238E27FC236}">
                <a16:creationId xmlns:a16="http://schemas.microsoft.com/office/drawing/2014/main" id="{74DA1D70-E54E-460C-A762-CCC241DD1FE2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2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7BBDEE7-6452-4523-8341-129EF3DF47B2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18015" y="0"/>
            <a:ext cx="3032866" cy="5142912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14" name="Google Shape;315;p29">
            <a:extLst>
              <a:ext uri="{FF2B5EF4-FFF2-40B4-BE49-F238E27FC236}">
                <a16:creationId xmlns:a16="http://schemas.microsoft.com/office/drawing/2014/main" id="{A4E652F5-60C3-48E8-9F86-519EBAB32EDE}"/>
              </a:ext>
            </a:extLst>
          </p:cNvPr>
          <p:cNvCxnSpPr>
            <a:cxnSpLocks/>
          </p:cNvCxnSpPr>
          <p:nvPr/>
        </p:nvCxnSpPr>
        <p:spPr>
          <a:xfrm>
            <a:off x="5071872" y="1926336"/>
            <a:ext cx="546143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3 Информационная архитектура сайта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4 Информационная структура сайта</a:t>
            </a:r>
            <a:br>
              <a:rPr lang="ru-RU" b="1" dirty="0">
                <a:highlight>
                  <a:schemeClr val="accent1"/>
                </a:highlight>
              </a:rPr>
            </a:br>
            <a:endParaRPr dirty="0"/>
          </a:p>
        </p:txBody>
      </p:sp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A35BD508-1994-4364-A7F5-F3DBAF9D58B1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531816" y="2920485"/>
            <a:ext cx="4645153" cy="2046894"/>
          </a:xfrm>
          <a:prstGeom prst="rect">
            <a:avLst/>
          </a:prstGeom>
        </p:spPr>
      </p:pic>
      <p:cxnSp>
        <p:nvCxnSpPr>
          <p:cNvPr id="19" name="Google Shape;315;p29">
            <a:extLst>
              <a:ext uri="{FF2B5EF4-FFF2-40B4-BE49-F238E27FC236}">
                <a16:creationId xmlns:a16="http://schemas.microsoft.com/office/drawing/2014/main" id="{0AFAC439-2395-4A45-9398-6A32A8B8FD69}"/>
              </a:ext>
            </a:extLst>
          </p:cNvPr>
          <p:cNvCxnSpPr>
            <a:cxnSpLocks/>
          </p:cNvCxnSpPr>
          <p:nvPr/>
        </p:nvCxnSpPr>
        <p:spPr>
          <a:xfrm>
            <a:off x="723556" y="2395249"/>
            <a:ext cx="0" cy="525236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4143139696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2 Проектирование сервисов сайта</a:t>
            </a:r>
            <a:br>
              <a:rPr lang="ru-RU" dirty="0"/>
            </a:br>
            <a:r>
              <a:rPr lang="ru-RU" sz="1400" b="0" dirty="0">
                <a:sym typeface="Quattrocento Sans"/>
              </a:rPr>
              <a:t>(выделение сервисов и формирование требований к интерфейсу)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3</a:t>
            </a:fld>
            <a:endParaRPr/>
          </a:p>
        </p:txBody>
      </p:sp>
      <p:graphicFrame>
        <p:nvGraphicFramePr>
          <p:cNvPr id="3" name="Схема 2">
            <a:extLst>
              <a:ext uri="{FF2B5EF4-FFF2-40B4-BE49-F238E27FC236}">
                <a16:creationId xmlns:a16="http://schemas.microsoft.com/office/drawing/2014/main" id="{BF3FF221-3A88-4520-8AE1-F131B003553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139623120"/>
              </p:ext>
            </p:extLst>
          </p:nvPr>
        </p:nvGraphicFramePr>
        <p:xfrm>
          <a:off x="351526" y="1464276"/>
          <a:ext cx="4096582" cy="349348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5" name="Таблица 4">
            <a:extLst>
              <a:ext uri="{FF2B5EF4-FFF2-40B4-BE49-F238E27FC236}">
                <a16:creationId xmlns:a16="http://schemas.microsoft.com/office/drawing/2014/main" id="{875441D8-F6CE-462B-B8ED-F983881B2D3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52293104"/>
              </p:ext>
            </p:extLst>
          </p:nvPr>
        </p:nvGraphicFramePr>
        <p:xfrm>
          <a:off x="4174560" y="1479207"/>
          <a:ext cx="4506848" cy="3480201"/>
        </p:xfrm>
        <a:graphic>
          <a:graphicData uri="http://schemas.openxmlformats.org/drawingml/2006/table">
            <a:tbl>
              <a:tblPr firstRow="1" firstCol="1" bandRow="1">
                <a:tableStyleId>{69012ECD-51FC-41F1-AA8D-1B2483CD663E}</a:tableStyleId>
              </a:tblPr>
              <a:tblGrid>
                <a:gridCol w="1187010">
                  <a:extLst>
                    <a:ext uri="{9D8B030D-6E8A-4147-A177-3AD203B41FA5}">
                      <a16:colId xmlns:a16="http://schemas.microsoft.com/office/drawing/2014/main" val="1578545597"/>
                    </a:ext>
                  </a:extLst>
                </a:gridCol>
                <a:gridCol w="1659919">
                  <a:extLst>
                    <a:ext uri="{9D8B030D-6E8A-4147-A177-3AD203B41FA5}">
                      <a16:colId xmlns:a16="http://schemas.microsoft.com/office/drawing/2014/main" val="3915607968"/>
                    </a:ext>
                  </a:extLst>
                </a:gridCol>
                <a:gridCol w="1659919">
                  <a:extLst>
                    <a:ext uri="{9D8B030D-6E8A-4147-A177-3AD203B41FA5}">
                      <a16:colId xmlns:a16="http://schemas.microsoft.com/office/drawing/2014/main" val="11585288"/>
                    </a:ext>
                  </a:extLst>
                </a:gridCol>
              </a:tblGrid>
              <a:tr h="199587">
                <a:tc gridSpan="3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r>
                        <a:rPr lang="ru-RU" sz="1000" dirty="0">
                          <a:effectLst/>
                          <a:latin typeface="Times New Roman" panose="02020603050405020304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Требования к интерфейсу формы регистрации</a:t>
                      </a:r>
                    </a:p>
                  </a:txBody>
                  <a:tcPr marL="42515" marR="42515" marT="0" marB="0"/>
                </a:tc>
                <a:tc hMerge="1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 hMerge="1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397363800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Название элемента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Тип элемента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Подсказка (если необходимо)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4222985960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Фамилия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фамилию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113294606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Имя*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имя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175104494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Отчество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отчество (при его наличии)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537921096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Отдел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падающий список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берите отдел, в котором вы работаете из выпадающего списк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618056008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Должность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падающий список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берите вашу должность из выпадающего списк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985167109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E-mail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e-mail. Будет использован в качестве логин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1976472363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ароль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ароль должен содержать не менее 8 символов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663293865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втор пароля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вторите введенный пароль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225874349"/>
                  </a:ext>
                </a:extLst>
              </a:tr>
              <a:tr h="409005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Телефон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маско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Введите ваш телефон. Необходим для подтверждения регистрации.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249052721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Зарегистрироваться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Кнопк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 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517372962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64145296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771C1DDB-64EF-4480-BF7B-6532F2EE2893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46623" y="1455350"/>
            <a:ext cx="5450754" cy="3464031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3 Проектирование навигации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4</a:t>
            </a:fld>
            <a:endParaRPr/>
          </a:p>
        </p:txBody>
      </p:sp>
    </p:spTree>
    <p:extLst>
      <p:ext uri="{BB962C8B-B14F-4D97-AF65-F5344CB8AC3E}">
        <p14:creationId xmlns:p14="http://schemas.microsoft.com/office/powerpoint/2010/main" val="3064076360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F725FC45-5618-4E06-8AB5-37FEA0BEA0ED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3486912" y="2594402"/>
            <a:ext cx="4611210" cy="2427129"/>
          </a:xfrm>
          <a:prstGeom prst="rect">
            <a:avLst/>
          </a:prstGeom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5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36AC63E3-2526-4276-A9B1-45072C231CD3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60662" y="1510734"/>
            <a:ext cx="4611210" cy="2167336"/>
          </a:xfrm>
          <a:prstGeom prst="rect">
            <a:avLst/>
          </a:prstGeom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D2030EE3-0BD8-4317-BDE1-46EEB3623B7A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67" t="9836" r="2117" b="6230"/>
          <a:stretch/>
        </p:blipFill>
        <p:spPr bwMode="auto">
          <a:xfrm>
            <a:off x="1131083" y="3999263"/>
            <a:ext cx="2100989" cy="701075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4136915030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общие элементы для всех страниц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6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51DBA5BC-BC63-4DC0-AB07-55AC63789BAB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2680" y="1654114"/>
            <a:ext cx="3787228" cy="2695141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37D224C4-D1D0-4ECE-8668-CF21DB2D5E09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69536" y="1662792"/>
            <a:ext cx="3832252" cy="2726553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1CD0919-6468-4542-BF93-888E7FD61BCE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6782" y="4149443"/>
            <a:ext cx="4445508" cy="6596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010403654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артовая страница входа и регистрации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7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DD1FB323-B4C7-4877-B205-9C13E087FB69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7784" y="1780681"/>
            <a:ext cx="4172712" cy="2969170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51E9C281-E2DE-4348-B154-B72452808961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81728" y="1782805"/>
            <a:ext cx="1880616" cy="2964921"/>
          </a:xfrm>
          <a:prstGeom prst="rect">
            <a:avLst/>
          </a:prstGeom>
          <a:noFill/>
          <a:ln>
            <a:noFill/>
          </a:ln>
        </p:spPr>
      </p:pic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D9E482FB-5EF5-4CC8-975D-378C5FCA2FAC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99771" y="1427113"/>
            <a:ext cx="1743456" cy="1752537"/>
          </a:xfrm>
          <a:prstGeom prst="rect">
            <a:avLst/>
          </a:prstGeom>
          <a:noFill/>
          <a:ln>
            <a:noFill/>
          </a:ln>
        </p:spPr>
      </p:pic>
      <p:pic>
        <p:nvPicPr>
          <p:cNvPr id="20" name="Рисунок 19">
            <a:extLst>
              <a:ext uri="{FF2B5EF4-FFF2-40B4-BE49-F238E27FC236}">
                <a16:creationId xmlns:a16="http://schemas.microsoft.com/office/drawing/2014/main" id="{3A81C90D-93D0-4EE1-BF89-4B7EFAF798DB}"/>
              </a:ext>
            </a:extLst>
          </p:cNvPr>
          <p:cNvPicPr/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99771" y="3355314"/>
            <a:ext cx="1743456" cy="156720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68435451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главная страница и страница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8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6FD6B70A-B0D5-4F3F-9242-0567E96826B8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9214" y="1806980"/>
            <a:ext cx="4100552" cy="291799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1F5927FC-F5AD-44E9-930F-789F8691CB4A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0" y="1806980"/>
            <a:ext cx="4100322" cy="291799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49879038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EF9C2D91-901D-4EFD-8874-F5A3E0579F87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71872" y="1507642"/>
            <a:ext cx="3676740" cy="2616069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вкладки страницы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9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714669A0-C310-4867-8A51-7A22AF024587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8165" y="1507642"/>
            <a:ext cx="3676740" cy="2616108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AED68B8F-D854-4CB5-9201-AA24C29E9BB0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68" r="7936"/>
          <a:stretch/>
        </p:blipFill>
        <p:spPr bwMode="auto">
          <a:xfrm>
            <a:off x="2779776" y="2527393"/>
            <a:ext cx="3084576" cy="2616107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11767468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" name="Google Shape;118;p16"/>
          <p:cNvSpPr txBox="1">
            <a:spLocks noGrp="1"/>
          </p:cNvSpPr>
          <p:nvPr>
            <p:ph type="body" idx="1"/>
          </p:nvPr>
        </p:nvSpPr>
        <p:spPr>
          <a:xfrm>
            <a:off x="1734753" y="2302294"/>
            <a:ext cx="5674494" cy="8199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/>
          <a:p>
            <a:pPr marL="0" lvl="0" indent="0" algn="ctr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800" dirty="0">
                <a:highlight>
                  <a:schemeClr val="accent1"/>
                </a:highlight>
              </a:rPr>
              <a:t>Цель сайта </a:t>
            </a:r>
            <a:r>
              <a:rPr lang="ru-RU" sz="1800" dirty="0"/>
              <a:t>– инструмент автоматизации процесса оценки профессиональной пригодности и обучения существующих и потенциальных сотрудников компании при максимальной экономии времени и эффективности деятельности сотрудников HR отдела.</a:t>
            </a:r>
            <a:endParaRPr lang="en-US" dirty="0"/>
          </a:p>
        </p:txBody>
      </p:sp>
      <p:sp>
        <p:nvSpPr>
          <p:cNvPr id="119" name="Google Shape;119;p16"/>
          <p:cNvSpPr txBox="1">
            <a:spLocks noGrp="1"/>
          </p:cNvSpPr>
          <p:nvPr>
            <p:ph type="sldNum" idx="12"/>
          </p:nvPr>
        </p:nvSpPr>
        <p:spPr>
          <a:xfrm>
            <a:off x="4297650" y="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</a:t>
            </a:fld>
            <a:endParaRPr/>
          </a:p>
        </p:txBody>
      </p:sp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Учебные материал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0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4999AFF1-F931-4EB5-AB10-924636F04561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5487" y="1559828"/>
            <a:ext cx="3490299" cy="2484035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10EE217-8693-483E-B89B-098874C5F5F6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66467" y="1562941"/>
            <a:ext cx="3491175" cy="2484034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63E8CEDF-5913-479B-B8F6-1DF2D9FB2885}"/>
              </a:ext>
            </a:extLst>
          </p:cNvPr>
          <p:cNvPicPr/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854" r="7973"/>
          <a:stretch/>
        </p:blipFill>
        <p:spPr bwMode="auto">
          <a:xfrm>
            <a:off x="3171991" y="2572345"/>
            <a:ext cx="2938272" cy="2484034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995541315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7565DE8C-D783-4DEF-9615-E292639A8BA2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52077" y="1310676"/>
            <a:ext cx="3710321" cy="2640330"/>
          </a:xfrm>
          <a:prstGeom prst="rect">
            <a:avLst/>
          </a:prstGeom>
          <a:noFill/>
          <a:ln>
            <a:noFill/>
          </a:ln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Тестиров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1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823D3A0C-9967-406F-B2DC-AC1B8D888A39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893" y="1599627"/>
            <a:ext cx="3772571" cy="2684570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26F6791-F46E-413B-BCDF-8D989AEDA2AB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680" r="7649"/>
          <a:stretch/>
        </p:blipFill>
        <p:spPr bwMode="auto">
          <a:xfrm>
            <a:off x="1743457" y="2336355"/>
            <a:ext cx="3194304" cy="2684500"/>
          </a:xfrm>
          <a:prstGeom prst="rect">
            <a:avLst/>
          </a:prstGeom>
          <a:noFill/>
          <a:ln>
            <a:noFill/>
          </a:ln>
        </p:spPr>
      </p:pic>
      <p:pic>
        <p:nvPicPr>
          <p:cNvPr id="20" name="Рисунок 19">
            <a:extLst>
              <a:ext uri="{FF2B5EF4-FFF2-40B4-BE49-F238E27FC236}">
                <a16:creationId xmlns:a16="http://schemas.microsoft.com/office/drawing/2014/main" id="{D9485B26-C4B1-49EA-8EAF-382F9EACB0A2}"/>
              </a:ext>
            </a:extLst>
          </p:cNvPr>
          <p:cNvPicPr/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900" r="7775"/>
          <a:stretch/>
        </p:blipFill>
        <p:spPr bwMode="auto">
          <a:xfrm>
            <a:off x="4960189" y="3513261"/>
            <a:ext cx="3248630" cy="1630239"/>
          </a:xfrm>
          <a:prstGeom prst="rect">
            <a:avLst/>
          </a:prstGeom>
          <a:noFill/>
          <a:ln>
            <a:noFill/>
          </a:ln>
        </p:spPr>
      </p:pic>
      <p:pic>
        <p:nvPicPr>
          <p:cNvPr id="21" name="Рисунок 20">
            <a:extLst>
              <a:ext uri="{FF2B5EF4-FFF2-40B4-BE49-F238E27FC236}">
                <a16:creationId xmlns:a16="http://schemas.microsoft.com/office/drawing/2014/main" id="{CEFD3C8E-281F-4B3E-96F8-85C65BCBF72E}"/>
              </a:ext>
            </a:extLst>
          </p:cNvPr>
          <p:cNvPicPr/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07590" y="1656271"/>
            <a:ext cx="1708438" cy="972103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109331308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Результат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2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3902DA9F-8FBE-4553-8D91-0C175C9C2015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7806" y="1623918"/>
            <a:ext cx="3531299" cy="2512532"/>
          </a:xfrm>
          <a:prstGeom prst="rect">
            <a:avLst/>
          </a:prstGeom>
          <a:noFill/>
          <a:ln>
            <a:noFill/>
          </a:ln>
        </p:spPr>
      </p:pic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7BF13CDA-6EC1-43A9-918D-DC5A5C59A22D}"/>
              </a:ext>
            </a:extLst>
          </p:cNvPr>
          <p:cNvPicPr/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433"/>
          <a:stretch/>
        </p:blipFill>
        <p:spPr bwMode="auto">
          <a:xfrm>
            <a:off x="5348681" y="1338188"/>
            <a:ext cx="3531299" cy="3648161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DEBAFE8B-20AE-444D-BAD2-EEC485F66F15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775" r="8631"/>
          <a:stretch/>
        </p:blipFill>
        <p:spPr bwMode="auto">
          <a:xfrm>
            <a:off x="2543174" y="2473817"/>
            <a:ext cx="2951581" cy="2512532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558349500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Поддержка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3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4C040AF8-8EAF-48A8-8F9B-270B4072EF26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6660" y="1694050"/>
            <a:ext cx="3941304" cy="2801359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FBF50578-99F3-45F1-BE80-D1FAD41EFFAC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06899" y="1694051"/>
            <a:ext cx="3923577" cy="2789049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D8A9D51-C4FD-4DB6-8068-1DFEBA4D067A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06899" y="3744517"/>
            <a:ext cx="1828801" cy="111945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380593774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Личный кабинет» и модальное окно выхода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4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2292534D-8373-40D9-BF95-B112C9AC017E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31083" y="1683052"/>
            <a:ext cx="4390136" cy="3123899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1C37C1E-5249-424B-819D-327541BF671E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21219" y="2452741"/>
            <a:ext cx="2811780" cy="15824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689550524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единый стиль в дизайне страниц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5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925EBD79-76D7-44CF-A84E-7F842EEDE87A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74359" y="850227"/>
            <a:ext cx="2332990" cy="58458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54D9C283-060E-4570-885E-B3D71BD43541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6458" y="1524593"/>
            <a:ext cx="7575224" cy="3442997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616907294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E9A28783-4BD0-44E0-B145-6D80386C81B6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883" y="1583338"/>
            <a:ext cx="4620742" cy="3287113"/>
          </a:xfrm>
          <a:prstGeom prst="rect">
            <a:avLst/>
          </a:prstGeom>
          <a:noFill/>
          <a:ln>
            <a:noFill/>
          </a:ln>
        </p:spPr>
      </p:pic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55370F90-DE2F-4E19-A44F-6426C886B683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32399" y="1600400"/>
            <a:ext cx="4623723" cy="3287113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главной страницы и страницы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6</a:t>
            </a:fld>
            <a:endParaRPr/>
          </a:p>
        </p:txBody>
      </p:sp>
    </p:spTree>
    <p:extLst>
      <p:ext uri="{BB962C8B-B14F-4D97-AF65-F5344CB8AC3E}">
        <p14:creationId xmlns:p14="http://schemas.microsoft.com/office/powerpoint/2010/main" val="3680634099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Учебные материал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7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50F10242-E599-4C18-91F9-2D2A80D51A96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200" y="1555437"/>
            <a:ext cx="4542088" cy="3229246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E620AED3-886A-4557-9A88-C18982742063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56081" y="1561684"/>
            <a:ext cx="4533919" cy="3222999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463572422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Тестиров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8</a:t>
            </a:fld>
            <a:endParaRPr/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33AAC000-93C7-49FE-8404-815A5CD4062F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490182"/>
            <a:ext cx="4932231" cy="3506139"/>
          </a:xfrm>
          <a:prstGeom prst="rect">
            <a:avLst/>
          </a:prstGeom>
          <a:noFill/>
          <a:ln>
            <a:noFill/>
          </a:ln>
        </p:spPr>
      </p:pic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CAE951DF-7CCB-4F29-8E1F-97ACD0BC7DB5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66812" y="1513863"/>
            <a:ext cx="4601315" cy="32708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889285300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Результаты» и страницы «Поддержка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9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32663038-A80E-4338-B8BA-F799B564315C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0924" y="1563619"/>
            <a:ext cx="3703375" cy="3383032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4FCFE897-0F3A-4B6C-BEC9-C78141200844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65564" y="1723152"/>
            <a:ext cx="4406399" cy="313245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832756988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Процесс выполнения работ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2" name="Google Shape;312;p29"/>
          <p:cNvSpPr/>
          <p:nvPr/>
        </p:nvSpPr>
        <p:spPr>
          <a:xfrm>
            <a:off x="219432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Системный анализ проектной ситуации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3" name="Google Shape;313;p29"/>
          <p:cNvSpPr/>
          <p:nvPr/>
        </p:nvSpPr>
        <p:spPr>
          <a:xfrm>
            <a:off x="4721770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ая реализация проек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4" name="Google Shape;314;p29"/>
          <p:cNvSpPr/>
          <p:nvPr/>
        </p:nvSpPr>
        <p:spPr>
          <a:xfrm>
            <a:off x="2452288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</a:t>
            </a:r>
            <a:r>
              <a:rPr lang="ru-RU" dirty="0" err="1">
                <a:latin typeface="Lora"/>
                <a:ea typeface="Lora"/>
                <a:cs typeface="Lora"/>
                <a:sym typeface="Lora"/>
              </a:rPr>
              <a:t>Проектиро-вание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сай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315" name="Google Shape;315;p29"/>
          <p:cNvCxnSpPr>
            <a:cxnSpLocks/>
            <a:stCxn id="312" idx="6"/>
            <a:endCxn id="314" idx="2"/>
          </p:cNvCxnSpPr>
          <p:nvPr/>
        </p:nvCxnSpPr>
        <p:spPr>
          <a:xfrm>
            <a:off x="2103956" y="2946544"/>
            <a:ext cx="348332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316" name="Google Shape;316;p29"/>
          <p:cNvCxnSpPr>
            <a:cxnSpLocks/>
            <a:stCxn id="314" idx="6"/>
            <a:endCxn id="313" idx="2"/>
          </p:cNvCxnSpPr>
          <p:nvPr/>
        </p:nvCxnSpPr>
        <p:spPr>
          <a:xfrm>
            <a:off x="4336812" y="2946544"/>
            <a:ext cx="38495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</a:t>
            </a:fld>
            <a:endParaRPr/>
          </a:p>
        </p:txBody>
      </p:sp>
      <p:sp>
        <p:nvSpPr>
          <p:cNvPr id="14" name="Google Shape;313;p29">
            <a:extLst>
              <a:ext uri="{FF2B5EF4-FFF2-40B4-BE49-F238E27FC236}">
                <a16:creationId xmlns:a16="http://schemas.microsoft.com/office/drawing/2014/main" id="{8400505D-8D7C-4B85-AA6E-C050B7A7F7B7}"/>
              </a:ext>
            </a:extLst>
          </p:cNvPr>
          <p:cNvSpPr/>
          <p:nvPr/>
        </p:nvSpPr>
        <p:spPr>
          <a:xfrm>
            <a:off x="7003444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Внедрение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и </a:t>
            </a:r>
            <a:r>
              <a:rPr lang="ru-RU" dirty="0" err="1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сопровож</a:t>
            </a: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-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 err="1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дение</a:t>
            </a:r>
            <a:endParaRPr dirty="0">
              <a:solidFill>
                <a:sysClr val="windowText" lastClr="000000"/>
              </a:solidFill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15" name="Google Shape;316;p29">
            <a:extLst>
              <a:ext uri="{FF2B5EF4-FFF2-40B4-BE49-F238E27FC236}">
                <a16:creationId xmlns:a16="http://schemas.microsoft.com/office/drawing/2014/main" id="{FCF9D30D-BDAE-4587-91C3-016B5D37CF1A}"/>
              </a:ext>
            </a:extLst>
          </p:cNvPr>
          <p:cNvCxnSpPr>
            <a:cxnSpLocks/>
            <a:stCxn id="313" idx="6"/>
            <a:endCxn id="14" idx="2"/>
          </p:cNvCxnSpPr>
          <p:nvPr/>
        </p:nvCxnSpPr>
        <p:spPr>
          <a:xfrm>
            <a:off x="6606294" y="2946544"/>
            <a:ext cx="397150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D1D18B5C-5798-495B-8970-148FD00F0858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0" y="1670851"/>
            <a:ext cx="4500563" cy="3199612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Личный кабинет» и страницы «Ошибка 404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0</a:t>
            </a:fld>
            <a:endParaRPr/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B49D6A3-8D8C-4C83-A719-B154D61E374D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9237" y="1670851"/>
            <a:ext cx="4500563" cy="319960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493836769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модальных окон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1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B86EC2E-2468-4EA5-9089-2ED94CB1BF22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67734" y="248766"/>
            <a:ext cx="3540603" cy="3607107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E92B478B-4A21-4223-A76C-FD284C721FFF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3593" y="1668547"/>
            <a:ext cx="4068636" cy="218732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1E438C69-5CFB-4983-A02E-88F88CE246B7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05150" y="3905740"/>
            <a:ext cx="6105525" cy="114300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523109277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6 Эргономическое обоснование </a:t>
            </a:r>
            <a:br>
              <a:rPr lang="ru-RU" dirty="0"/>
            </a:br>
            <a:r>
              <a:rPr lang="ru-RU" dirty="0"/>
              <a:t>проектных решений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2</a:t>
            </a:fld>
            <a:endParaRPr/>
          </a:p>
        </p:txBody>
      </p:sp>
      <p:graphicFrame>
        <p:nvGraphicFramePr>
          <p:cNvPr id="2" name="Схема 1">
            <a:extLst>
              <a:ext uri="{FF2B5EF4-FFF2-40B4-BE49-F238E27FC236}">
                <a16:creationId xmlns:a16="http://schemas.microsoft.com/office/drawing/2014/main" id="{F9F9BF4E-3656-4BC3-842A-C3619A8FBE06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4114993415"/>
              </p:ext>
            </p:extLst>
          </p:nvPr>
        </p:nvGraphicFramePr>
        <p:xfrm>
          <a:off x="946150" y="1453850"/>
          <a:ext cx="7251700" cy="358400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2284193931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 Техническая </a:t>
            </a:r>
            <a:br>
              <a:rPr lang="ru-RU" dirty="0"/>
            </a:br>
            <a:r>
              <a:rPr lang="ru-RU" dirty="0"/>
              <a:t>реализация проекта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3</a:t>
            </a:fld>
            <a:endParaRPr/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6001024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ое тестирование сай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87702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endParaRPr lang="en-US" b="1" dirty="0">
              <a:latin typeface="Lora"/>
              <a:ea typeface="Lora"/>
              <a:cs typeface="Lora"/>
              <a:sym typeface="Lora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Работа с сайтом в </a:t>
            </a:r>
            <a:r>
              <a:rPr lang="en-US" dirty="0">
                <a:latin typeface="Lora"/>
                <a:ea typeface="Lora"/>
                <a:cs typeface="Lora"/>
                <a:sym typeface="Lora"/>
              </a:rPr>
              <a:t>CMS </a:t>
            </a:r>
            <a:r>
              <a:rPr lang="en-US" dirty="0" err="1">
                <a:latin typeface="Lora"/>
                <a:ea typeface="Lora"/>
                <a:cs typeface="Lora"/>
                <a:sym typeface="Lora"/>
              </a:rPr>
              <a:t>Wordpress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1" idx="6"/>
            <a:endCxn id="23" idx="2"/>
          </p:cNvCxnSpPr>
          <p:nvPr/>
        </p:nvCxnSpPr>
        <p:spPr>
          <a:xfrm>
            <a:off x="3068894" y="3033655"/>
            <a:ext cx="418808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533398" y="3033655"/>
            <a:ext cx="467626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1023198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Верстк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3330380858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4</a:t>
            </a:fld>
            <a:endParaRPr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FF68D19-94CB-4878-B40B-A868C4D5C0C5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495767" y="1518032"/>
            <a:ext cx="1828800" cy="3343275"/>
          </a:xfrm>
          <a:prstGeom prst="rect">
            <a:avLst/>
          </a:prstGeom>
        </p:spPr>
      </p:pic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A71A2ECB-2BA6-4E80-8547-66C74A25A432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3748415"/>
              </p:ext>
            </p:extLst>
          </p:nvPr>
        </p:nvGraphicFramePr>
        <p:xfrm>
          <a:off x="3697492" y="1360320"/>
          <a:ext cx="2693492" cy="350695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</p:spTree>
    <p:extLst>
      <p:ext uri="{BB962C8B-B14F-4D97-AF65-F5344CB8AC3E}">
        <p14:creationId xmlns:p14="http://schemas.microsoft.com/office/powerpoint/2010/main" val="4145986992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Прямоугольник: один скругленный угол 12">
            <a:extLst>
              <a:ext uri="{FF2B5EF4-FFF2-40B4-BE49-F238E27FC236}">
                <a16:creationId xmlns:a16="http://schemas.microsoft.com/office/drawing/2014/main" id="{31C3B3C1-2759-4277-8CA5-43E57655E2FD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</a:t>
            </a:r>
            <a:r>
              <a:rPr lang="en-US" dirty="0"/>
              <a:t> </a:t>
            </a:r>
            <a:br>
              <a:rPr lang="ru-RU" dirty="0"/>
            </a:br>
            <a:r>
              <a:rPr lang="ru-RU" dirty="0"/>
              <a:t>навигационного меню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5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7DBE569A-D362-4986-A688-EE08B860C1E8}"/>
              </a:ext>
            </a:extLst>
          </p:cNvPr>
          <p:cNvPicPr/>
          <p:nvPr/>
        </p:nvPicPr>
        <p:blipFill rotWithShape="1">
          <a:blip r:embed="rId3"/>
          <a:srcRect t="276" b="1"/>
          <a:stretch/>
        </p:blipFill>
        <p:spPr bwMode="auto">
          <a:xfrm>
            <a:off x="5416624" y="42862"/>
            <a:ext cx="1990725" cy="5057775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7482874-DA7E-4473-AAC8-AA8F7F7B39CC}"/>
              </a:ext>
            </a:extLst>
          </p:cNvPr>
          <p:cNvPicPr/>
          <p:nvPr/>
        </p:nvPicPr>
        <p:blipFill rotWithShape="1">
          <a:blip r:embed="rId4"/>
          <a:srcRect b="456"/>
          <a:stretch/>
        </p:blipFill>
        <p:spPr bwMode="auto">
          <a:xfrm>
            <a:off x="7657516" y="-4128"/>
            <a:ext cx="733425" cy="5104765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16" name="Google Shape;92;p13">
            <a:extLst>
              <a:ext uri="{FF2B5EF4-FFF2-40B4-BE49-F238E27FC236}">
                <a16:creationId xmlns:a16="http://schemas.microsoft.com/office/drawing/2014/main" id="{4CB8EA28-42F2-403E-A745-C569D6863BF7}"/>
              </a:ext>
            </a:extLst>
          </p:cNvPr>
          <p:cNvSpPr txBox="1"/>
          <p:nvPr/>
        </p:nvSpPr>
        <p:spPr>
          <a:xfrm>
            <a:off x="950047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Первоначально свернутое меню имеет свойство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display:none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, при нажатии на элемент со стрелочкой данное свойство меняется на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display:block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, а у развернутого меню наоборот, в результате получается эффект сворачивания </a:t>
            </a:r>
            <a:b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</a:b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и разворачивания бокового меню, который реализован </a:t>
            </a:r>
            <a:b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</a:b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с помощью JS кода с подключением библиотеки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JQuery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. 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</a:t>
            </a:r>
            <a:endParaRPr sz="1200" dirty="0">
              <a:highlight>
                <a:schemeClr val="accent1"/>
              </a:highlight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document).ready(function () {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'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btn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').click(function (event) {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'.block'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removeClass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active')        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var num = $(this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attr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data-num’);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$('#block' + num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addClass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active')    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});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});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endParaRPr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486425132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лашк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6</a:t>
            </a:fld>
            <a:endParaRPr/>
          </a:p>
        </p:txBody>
      </p:sp>
      <p:sp>
        <p:nvSpPr>
          <p:cNvPr id="16" name="Google Shape;92;p13">
            <a:extLst>
              <a:ext uri="{FF2B5EF4-FFF2-40B4-BE49-F238E27FC236}">
                <a16:creationId xmlns:a16="http://schemas.microsoft.com/office/drawing/2014/main" id="{4CB8EA28-42F2-403E-A745-C569D6863BF7}"/>
              </a:ext>
            </a:extLst>
          </p:cNvPr>
          <p:cNvSpPr txBox="1"/>
          <p:nvPr/>
        </p:nvSpPr>
        <p:spPr>
          <a:xfrm>
            <a:off x="950046" y="1578150"/>
            <a:ext cx="8023266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Плашка реализована таким образом, что в нее можно поместить текст любой длины, который будет выглядеть аккуратно, поля плашки подстроятся под его длину, также длина кнопки подстраивается под вставленный в нее текст.</a:t>
            </a:r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1B58F9A-702A-4E66-8C36-2997CA1AEACA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962391" y="2394967"/>
            <a:ext cx="6120130" cy="22225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31991447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редзагрузчи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7</a:t>
            </a:fld>
            <a:endParaRPr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56457C67-DB2C-4E4D-91B5-F8FEA35F2E3A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-366577" y="3235311"/>
            <a:ext cx="9521751" cy="1531338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50047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 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 err="1">
                <a:latin typeface="Quattrocento Sans"/>
                <a:sym typeface="Quattrocento Sans"/>
              </a:rPr>
              <a:t>window.onload</a:t>
            </a:r>
            <a:r>
              <a:rPr lang="en-US" sz="1200" dirty="0">
                <a:latin typeface="Quattrocento Sans"/>
                <a:sym typeface="Quattrocento Sans"/>
              </a:rPr>
              <a:t> = function () {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add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loaded_hiding</a:t>
            </a:r>
            <a:r>
              <a:rPr lang="en-US" sz="1200" dirty="0">
                <a:latin typeface="Quattrocento Sans"/>
                <a:sym typeface="Quattrocento Sans"/>
              </a:rPr>
              <a:t>'); </a:t>
            </a:r>
            <a:r>
              <a:rPr lang="en-US" sz="1200" dirty="0" err="1">
                <a:latin typeface="Quattrocento Sans"/>
                <a:sym typeface="Quattrocento Sans"/>
              </a:rPr>
              <a:t>window.setTimeout</a:t>
            </a:r>
            <a:r>
              <a:rPr lang="en-US" sz="1200" dirty="0">
                <a:latin typeface="Quattrocento Sans"/>
                <a:sym typeface="Quattrocento Sans"/>
              </a:rPr>
              <a:t>(function () {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add</a:t>
            </a:r>
            <a:r>
              <a:rPr lang="en-US" sz="1200" dirty="0">
                <a:latin typeface="Quattrocento Sans"/>
                <a:sym typeface="Quattrocento Sans"/>
              </a:rPr>
              <a:t>('loaded');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remove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loaded_hiding</a:t>
            </a:r>
            <a:r>
              <a:rPr lang="en-US" sz="1200" dirty="0">
                <a:latin typeface="Quattrocento Sans"/>
                <a:sym typeface="Quattrocento Sans"/>
              </a:rPr>
              <a:t>');}, 500);}</a:t>
            </a:r>
            <a:endParaRPr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054310739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формы поис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8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C4D5D442-7AED-4A78-B49A-D70220BBE9CA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4087208" y="1359725"/>
            <a:ext cx="4730369" cy="2215980"/>
          </a:xfrm>
          <a:prstGeom prst="rect">
            <a:avLst/>
          </a:prstGeom>
        </p:spPr>
      </p:pic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85B205C0-6942-46ED-957D-B04F20CE0B8F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087207" y="2896317"/>
            <a:ext cx="4730369" cy="2213526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01279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ru-RU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Подключение </a:t>
            </a: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Query </a:t>
            </a:r>
            <a:r>
              <a:rPr lang="ru-RU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плагина </a:t>
            </a:r>
            <a:r>
              <a:rPr lang="en-US" sz="1200" b="1" dirty="0" err="1">
                <a:highlight>
                  <a:schemeClr val="accent1"/>
                </a:highlight>
                <a:latin typeface="Quattrocento Sans"/>
                <a:sym typeface="Quattrocento Sans"/>
              </a:rPr>
              <a:t>HideSeek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 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let 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= true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const div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'search’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unction trigger() {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= !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;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iv.style.display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? "block" : "none"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document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getElementById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btn_search</a:t>
            </a:r>
            <a:r>
              <a:rPr lang="en-US" sz="1200" dirty="0">
                <a:latin typeface="Quattrocento Sans"/>
                <a:sym typeface="Quattrocento Sans"/>
              </a:rPr>
              <a:t>')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addEventListener</a:t>
            </a:r>
            <a:r>
              <a:rPr lang="en-US" sz="1200" dirty="0">
                <a:latin typeface="Quattrocento Sans"/>
                <a:sym typeface="Quattrocento Sans"/>
              </a:rPr>
              <a:t>('click', trigger)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document).ready(function() { 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'#search').</a:t>
            </a:r>
            <a:r>
              <a:rPr lang="en-US" sz="1200" dirty="0" err="1">
                <a:latin typeface="Quattrocento Sans"/>
                <a:sym typeface="Quattrocento Sans"/>
              </a:rPr>
              <a:t>hideseek</a:t>
            </a:r>
            <a:r>
              <a:rPr lang="en-US" sz="1200" dirty="0">
                <a:latin typeface="Quattrocento Sans"/>
                <a:sym typeface="Quattrocento Sans"/>
              </a:rPr>
              <a:t>(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'#search-highlight').</a:t>
            </a:r>
            <a:r>
              <a:rPr lang="en-US" sz="1200" dirty="0" err="1">
                <a:latin typeface="Quattrocento Sans"/>
                <a:sym typeface="Quattrocento Sans"/>
              </a:rPr>
              <a:t>hideseek</a:t>
            </a:r>
            <a:r>
              <a:rPr lang="en-US" sz="1200" dirty="0">
                <a:latin typeface="Quattrocento Sans"/>
                <a:sym typeface="Quattrocento Sans"/>
              </a:rPr>
              <a:t>({ 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highlight: true })</a:t>
            </a:r>
            <a:endParaRPr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2138850985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0837ED56-D77C-4F62-A2E9-0212E582D931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3931890" y="1961383"/>
            <a:ext cx="4885687" cy="2296344"/>
          </a:xfrm>
          <a:prstGeom prst="rect">
            <a:avLst/>
          </a:prstGeom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олосы прокрутк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9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01279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CSS: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html{</a:t>
            </a:r>
            <a:r>
              <a:rPr lang="en-US" sz="1200" dirty="0" err="1">
                <a:latin typeface="Quattrocento Sans"/>
                <a:sym typeface="Quattrocento Sans"/>
              </a:rPr>
              <a:t>overflow:hidden</a:t>
            </a:r>
            <a:r>
              <a:rPr lang="en-US" sz="1200" dirty="0">
                <a:latin typeface="Quattrocento Sans"/>
                <a:sym typeface="Quattrocento Sans"/>
              </a:rPr>
              <a:t>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overflow-y: scroll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scrollbar-color: #147E4B transparent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scrollbar-width: thin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::-</a:t>
            </a:r>
            <a:r>
              <a:rPr lang="en-US" sz="1200" dirty="0" err="1">
                <a:latin typeface="Quattrocento Sans"/>
                <a:sym typeface="Quattrocento Sans"/>
              </a:rPr>
              <a:t>webkit</a:t>
            </a:r>
            <a:r>
              <a:rPr lang="en-US" sz="1200" dirty="0">
                <a:latin typeface="Quattrocento Sans"/>
                <a:sym typeface="Quattrocento Sans"/>
              </a:rPr>
              <a:t>-scrollbar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width: 7px;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background-color: transparent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::-</a:t>
            </a:r>
            <a:r>
              <a:rPr lang="en-US" sz="1200" dirty="0" err="1">
                <a:latin typeface="Quattrocento Sans"/>
                <a:sym typeface="Quattrocento Sans"/>
              </a:rPr>
              <a:t>webkit</a:t>
            </a:r>
            <a:r>
              <a:rPr lang="en-US" sz="1200" dirty="0">
                <a:latin typeface="Quattrocento Sans"/>
                <a:sym typeface="Quattrocento Sans"/>
              </a:rPr>
              <a:t>-scrollbar-thumb 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background-color: #147E4B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border-radius: 10px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endParaRPr lang="en-US"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29830761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 Системный анализ проектной ситуации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</a:t>
            </a:fld>
            <a:endParaRPr/>
          </a:p>
        </p:txBody>
      </p: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1254846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Бизнес-концепция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5757184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ое задание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87702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ая концепция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1" idx="6"/>
            <a:endCxn id="23" idx="2"/>
          </p:cNvCxnSpPr>
          <p:nvPr/>
        </p:nvCxnSpPr>
        <p:spPr>
          <a:xfrm>
            <a:off x="3139370" y="3040215"/>
            <a:ext cx="348332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372226" y="3040215"/>
            <a:ext cx="38495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3880561265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E1AE3454-0E39-4E29-9918-D5AF05717366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4572000" y="1323744"/>
            <a:ext cx="4464134" cy="2088944"/>
          </a:xfrm>
          <a:prstGeom prst="rect">
            <a:avLst/>
          </a:prstGeom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модального окн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0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A70CCE96-7F51-4E2B-B896-236533A924A0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572000" y="2738046"/>
            <a:ext cx="4464134" cy="2084312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291678" y="1419654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1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(</a:t>
            </a:r>
            <a:r>
              <a:rPr lang="ru-RU" sz="1100" b="1" dirty="0">
                <a:highlight>
                  <a:schemeClr val="accent1"/>
                </a:highlight>
                <a:sym typeface="Quattrocento Sans"/>
              </a:rPr>
              <a:t>стартовая страница):</a:t>
            </a:r>
            <a:r>
              <a:rPr lang="ru-RU" sz="1100" dirty="0">
                <a:latin typeface="Quattrocento Sans"/>
                <a:sym typeface="Quattrocento Sans"/>
              </a:rPr>
              <a:t>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regbtn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regBtn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reg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registration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btn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Btn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orization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_help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_help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r>
              <a:rPr lang="en-US" sz="1100" dirty="0" err="1">
                <a:latin typeface="Quattrocento Sans"/>
                <a:sym typeface="Quattrocento Sans"/>
              </a:rPr>
              <a:t>window.onclick</a:t>
            </a:r>
            <a:r>
              <a:rPr lang="en-US" sz="1100" dirty="0">
                <a:latin typeface="Quattrocento Sans"/>
                <a:sym typeface="Quattrocento Sans"/>
              </a:rPr>
              <a:t> = function (event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reg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avt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_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btn.onclick</a:t>
            </a:r>
            <a:r>
              <a:rPr lang="en-US" sz="1100" dirty="0">
                <a:latin typeface="Quattrocento Sans"/>
                <a:sym typeface="Quattrocento Sans"/>
              </a:rPr>
              <a:t> = function 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btn.onclick</a:t>
            </a:r>
            <a:r>
              <a:rPr lang="en-US" sz="1100" dirty="0">
                <a:latin typeface="Quattrocento Sans"/>
                <a:sym typeface="Quattrocento Sans"/>
              </a:rPr>
              <a:t> = function 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.onclick</a:t>
            </a:r>
            <a:r>
              <a:rPr lang="en-US" sz="1100" dirty="0">
                <a:latin typeface="Quattrocento Sans"/>
                <a:sym typeface="Quattrocento Sans"/>
              </a:rPr>
              <a:t> = function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_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endParaRPr lang="en-US" sz="1200" dirty="0"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2388779981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вкладок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1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291678" y="1419654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</a:t>
            </a: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:</a:t>
            </a:r>
            <a:r>
              <a:rPr lang="ru-RU" sz="1200" dirty="0">
                <a:latin typeface="Quattrocento Sans"/>
                <a:sym typeface="Quattrocento Sans"/>
              </a:rPr>
              <a:t> </a:t>
            </a:r>
            <a:br>
              <a:rPr lang="ru-RU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unction </a:t>
            </a:r>
            <a:r>
              <a:rPr lang="en-US" sz="1200" dirty="0" err="1">
                <a:latin typeface="Quattrocento Sans"/>
                <a:sym typeface="Quattrocento Sans"/>
              </a:rPr>
              <a:t>openPage</a:t>
            </a:r>
            <a:r>
              <a:rPr lang="en-US" sz="1200" dirty="0">
                <a:latin typeface="Quattrocento Sans"/>
                <a:sym typeface="Quattrocento Sans"/>
              </a:rPr>
              <a:t>(</a:t>
            </a:r>
            <a:r>
              <a:rPr lang="en-US" sz="1200" dirty="0" err="1">
                <a:latin typeface="Quattrocento Sans"/>
                <a:sym typeface="Quattrocento Sans"/>
              </a:rPr>
              <a:t>evt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cityName</a:t>
            </a:r>
            <a:r>
              <a:rPr lang="en-US" sz="1200" dirty="0">
                <a:latin typeface="Quattrocento Sans"/>
                <a:sym typeface="Quattrocento Sans"/>
              </a:rPr>
              <a:t>) {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var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sByClassName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")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or (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= 0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&lt; </a:t>
            </a:r>
            <a:r>
              <a:rPr lang="en-US" sz="1200" dirty="0" err="1">
                <a:latin typeface="Quattrocento Sans"/>
                <a:sym typeface="Quattrocento Sans"/>
              </a:rPr>
              <a:t>tabcontent.length</a:t>
            </a:r>
            <a:r>
              <a:rPr lang="en-US" sz="1200" dirty="0">
                <a:latin typeface="Quattrocento Sans"/>
                <a:sym typeface="Quattrocento Sans"/>
              </a:rPr>
              <a:t>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++) {    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style.display</a:t>
            </a:r>
            <a:r>
              <a:rPr lang="en-US" sz="1200" dirty="0">
                <a:latin typeface="Quattrocento Sans"/>
                <a:sym typeface="Quattrocento Sans"/>
              </a:rPr>
              <a:t> = "none";}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sByClassName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")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or (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= 0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&lt; </a:t>
            </a:r>
            <a:r>
              <a:rPr lang="en-US" sz="1200" dirty="0" err="1">
                <a:latin typeface="Quattrocento Sans"/>
                <a:sym typeface="Quattrocento Sans"/>
              </a:rPr>
              <a:t>tablinks.length</a:t>
            </a:r>
            <a:r>
              <a:rPr lang="en-US" sz="1200" dirty="0">
                <a:latin typeface="Quattrocento Sans"/>
                <a:sym typeface="Quattrocento Sans"/>
              </a:rPr>
              <a:t>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++) {    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className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className.replace</a:t>
            </a:r>
            <a:r>
              <a:rPr lang="en-US" sz="1200" dirty="0">
                <a:latin typeface="Quattrocento Sans"/>
                <a:sym typeface="Quattrocento Sans"/>
              </a:rPr>
              <a:t>(" active", "");}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</a:t>
            </a:r>
            <a:r>
              <a:rPr lang="en-US" sz="1200" dirty="0" err="1">
                <a:latin typeface="Quattrocento Sans"/>
                <a:sym typeface="Quattrocento Sans"/>
              </a:rPr>
              <a:t>cityName</a:t>
            </a:r>
            <a:r>
              <a:rPr lang="en-US" sz="1200" dirty="0">
                <a:latin typeface="Quattrocento Sans"/>
                <a:sym typeface="Quattrocento Sans"/>
              </a:rPr>
              <a:t>).</a:t>
            </a:r>
            <a:r>
              <a:rPr lang="en-US" sz="1200" dirty="0" err="1">
                <a:latin typeface="Quattrocento Sans"/>
                <a:sym typeface="Quattrocento Sans"/>
              </a:rPr>
              <a:t>style.display</a:t>
            </a:r>
            <a:r>
              <a:rPr lang="en-US" sz="1200" dirty="0">
                <a:latin typeface="Quattrocento Sans"/>
                <a:sym typeface="Quattrocento Sans"/>
              </a:rPr>
              <a:t> = "block";     </a:t>
            </a:r>
            <a:r>
              <a:rPr lang="en-US" sz="1200" dirty="0" err="1">
                <a:latin typeface="Quattrocento Sans"/>
                <a:sym typeface="Quattrocento Sans"/>
              </a:rPr>
              <a:t>evt.currentTarget.className</a:t>
            </a:r>
            <a:r>
              <a:rPr lang="en-US" sz="1200" dirty="0">
                <a:latin typeface="Quattrocento Sans"/>
                <a:sym typeface="Quattrocento Sans"/>
              </a:rPr>
              <a:t> += " active";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defaultOpen</a:t>
            </a:r>
            <a:r>
              <a:rPr lang="en-US" sz="1200" dirty="0">
                <a:latin typeface="Quattrocento Sans"/>
                <a:sym typeface="Quattrocento Sans"/>
              </a:rPr>
              <a:t>").click(); </a:t>
            </a:r>
            <a:r>
              <a:rPr lang="en-US" dirty="0">
                <a:latin typeface="Quattrocento Sans"/>
                <a:sym typeface="Quattrocento Sans"/>
              </a:rPr>
              <a:t> </a:t>
            </a:r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28411A2C-DF45-468D-A314-E1570786A3C2}"/>
              </a:ext>
            </a:extLst>
          </p:cNvPr>
          <p:cNvPicPr/>
          <p:nvPr/>
        </p:nvPicPr>
        <p:blipFill rotWithShape="1">
          <a:blip r:embed="rId3"/>
          <a:srcRect l="18634"/>
          <a:stretch/>
        </p:blipFill>
        <p:spPr>
          <a:xfrm>
            <a:off x="5157217" y="2564457"/>
            <a:ext cx="3828159" cy="2211351"/>
          </a:xfrm>
          <a:prstGeom prst="rect">
            <a:avLst/>
          </a:prstGeom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C738ADFE-32AE-48CD-A9D1-90E42D9E63E6}"/>
              </a:ext>
            </a:extLst>
          </p:cNvPr>
          <p:cNvPicPr/>
          <p:nvPr/>
        </p:nvPicPr>
        <p:blipFill rotWithShape="1">
          <a:blip r:embed="rId4"/>
          <a:srcRect l="18634"/>
          <a:stretch/>
        </p:blipFill>
        <p:spPr>
          <a:xfrm>
            <a:off x="5157217" y="210647"/>
            <a:ext cx="3828160" cy="219914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30154761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Прямоугольник: один скругленный угол 17">
            <a:extLst>
              <a:ext uri="{FF2B5EF4-FFF2-40B4-BE49-F238E27FC236}">
                <a16:creationId xmlns:a16="http://schemas.microsoft.com/office/drawing/2014/main" id="{C282AA1D-89BF-456D-9E53-64138278A75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алидация формы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2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212363" y="1195453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05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</a:t>
            </a:r>
            <a:r>
              <a:rPr lang="ru-RU" sz="1050" b="1" dirty="0">
                <a:highlight>
                  <a:schemeClr val="accent1"/>
                </a:highlight>
                <a:sym typeface="Quattrocento Sans"/>
              </a:rPr>
              <a:t>:</a:t>
            </a:r>
            <a:r>
              <a:rPr lang="ru-RU" sz="1050" dirty="0">
                <a:latin typeface="Quattrocento Sans"/>
                <a:sym typeface="Quattrocento Sans"/>
              </a:rPr>
              <a:t>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form = </a:t>
            </a:r>
            <a:r>
              <a:rPr lang="en-US" sz="1050" dirty="0" err="1">
                <a:latin typeface="Quattrocento Sans"/>
                <a:sym typeface="Quattrocento Sans"/>
              </a:rPr>
              <a:t>document.forms</a:t>
            </a:r>
            <a:r>
              <a:rPr lang="en-US" sz="1050" dirty="0">
                <a:latin typeface="Quattrocento Sans"/>
                <a:sym typeface="Quattrocento Sans"/>
              </a:rPr>
              <a:t>["form"]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button = </a:t>
            </a:r>
            <a:r>
              <a:rPr lang="en-US" sz="1050" dirty="0" err="1">
                <a:latin typeface="Quattrocento Sans"/>
                <a:sym typeface="Quattrocento Sans"/>
              </a:rPr>
              <a:t>form.elements</a:t>
            </a:r>
            <a:r>
              <a:rPr lang="en-US" sz="1050" dirty="0">
                <a:latin typeface="Quattrocento Sans"/>
                <a:sym typeface="Quattrocento Sans"/>
              </a:rPr>
              <a:t>["</a:t>
            </a:r>
            <a:r>
              <a:rPr lang="en-US" sz="1050" dirty="0" err="1">
                <a:latin typeface="Quattrocento Sans"/>
                <a:sym typeface="Quattrocento Sans"/>
              </a:rPr>
              <a:t>supportBtn</a:t>
            </a:r>
            <a:r>
              <a:rPr lang="en-US" sz="1050" dirty="0">
                <a:latin typeface="Quattrocento Sans"/>
                <a:sym typeface="Quattrocento Sans"/>
              </a:rPr>
              <a:t>"]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</a:t>
            </a:r>
            <a:r>
              <a:rPr lang="en-US" sz="1050" dirty="0" err="1">
                <a:latin typeface="Quattrocento Sans"/>
                <a:sym typeface="Quattrocento Sans"/>
              </a:rPr>
              <a:t>inputArr</a:t>
            </a:r>
            <a:r>
              <a:rPr lang="en-US" sz="1050" dirty="0">
                <a:latin typeface="Quattrocento Sans"/>
                <a:sym typeface="Quattrocento Sans"/>
              </a:rPr>
              <a:t> = </a:t>
            </a:r>
            <a:r>
              <a:rPr lang="en-US" sz="1050" dirty="0" err="1">
                <a:latin typeface="Quattrocento Sans"/>
                <a:sym typeface="Quattrocento Sans"/>
              </a:rPr>
              <a:t>Array.from</a:t>
            </a:r>
            <a:r>
              <a:rPr lang="en-US" sz="1050" dirty="0">
                <a:latin typeface="Quattrocento Sans"/>
                <a:sym typeface="Quattrocento Sans"/>
              </a:rPr>
              <a:t>(form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</a:t>
            </a:r>
            <a:r>
              <a:rPr lang="en-US" sz="1050" dirty="0" err="1">
                <a:latin typeface="Quattrocento Sans"/>
                <a:sym typeface="Quattrocento Sans"/>
              </a:rPr>
              <a:t>validInputArr</a:t>
            </a:r>
            <a:r>
              <a:rPr lang="en-US" sz="1050" dirty="0">
                <a:latin typeface="Quattrocento Sans"/>
                <a:sym typeface="Quattrocento Sans"/>
              </a:rPr>
              <a:t> = []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 err="1">
                <a:latin typeface="Quattrocento Sans"/>
                <a:sym typeface="Quattrocento Sans"/>
              </a:rPr>
              <a:t>inputArr.forEach</a:t>
            </a:r>
            <a:r>
              <a:rPr lang="en-US" sz="1050" dirty="0">
                <a:latin typeface="Quattrocento Sans"/>
                <a:sym typeface="Quattrocento Sans"/>
              </a:rPr>
              <a:t>((el) =&gt;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if(</a:t>
            </a:r>
            <a:r>
              <a:rPr lang="en-US" sz="1050" dirty="0" err="1">
                <a:latin typeface="Quattrocento Sans"/>
                <a:sym typeface="Quattrocento Sans"/>
              </a:rPr>
              <a:t>el.hasAttribute</a:t>
            </a:r>
            <a:r>
              <a:rPr lang="en-US" sz="1050" dirty="0">
                <a:latin typeface="Quattrocento Sans"/>
                <a:sym typeface="Quattrocento Sans"/>
              </a:rPr>
              <a:t>("data-reg"))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</a:t>
            </a:r>
            <a:r>
              <a:rPr lang="en-US" sz="1050" dirty="0" err="1">
                <a:latin typeface="Quattrocento Sans"/>
                <a:sym typeface="Quattrocento Sans"/>
              </a:rPr>
              <a:t>el.setAttribute</a:t>
            </a:r>
            <a:r>
              <a:rPr lang="en-US" sz="1050" dirty="0">
                <a:latin typeface="Quattrocento Sans"/>
                <a:sym typeface="Quattrocento Sans"/>
              </a:rPr>
              <a:t>("is-valid", "0"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</a:t>
            </a:r>
            <a:r>
              <a:rPr lang="en-US" sz="1050" dirty="0" err="1">
                <a:latin typeface="Quattrocento Sans"/>
                <a:sym typeface="Quattrocento Sans"/>
              </a:rPr>
              <a:t>validInputArr.push</a:t>
            </a:r>
            <a:r>
              <a:rPr lang="en-US" sz="1050" dirty="0">
                <a:latin typeface="Quattrocento Sans"/>
                <a:sym typeface="Quattrocento Sans"/>
              </a:rPr>
              <a:t>(el);}}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 err="1">
                <a:latin typeface="Quattrocento Sans"/>
                <a:sym typeface="Quattrocento Sans"/>
              </a:rPr>
              <a:t>form.addEventListener</a:t>
            </a:r>
            <a:r>
              <a:rPr lang="en-US" sz="1050" dirty="0">
                <a:latin typeface="Quattrocento Sans"/>
                <a:sym typeface="Quattrocento Sans"/>
              </a:rPr>
              <a:t>("input", </a:t>
            </a:r>
            <a:r>
              <a:rPr lang="en-US" sz="1050" dirty="0" err="1">
                <a:latin typeface="Quattrocento Sans"/>
                <a:sym typeface="Quattrocento Sans"/>
              </a:rPr>
              <a:t>inputHandler</a:t>
            </a:r>
            <a:r>
              <a:rPr lang="en-US" sz="1050" dirty="0">
                <a:latin typeface="Quattrocento Sans"/>
                <a:sym typeface="Quattrocento Sans"/>
              </a:rPr>
              <a:t>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 err="1">
                <a:latin typeface="Quattrocento Sans"/>
                <a:sym typeface="Quattrocento Sans"/>
              </a:rPr>
              <a:t>button.addEventListener</a:t>
            </a:r>
            <a:r>
              <a:rPr lang="en-US" sz="1050" dirty="0">
                <a:latin typeface="Quattrocento Sans"/>
                <a:sym typeface="Quattrocento Sans"/>
              </a:rPr>
              <a:t>("click", </a:t>
            </a:r>
            <a:r>
              <a:rPr lang="en-US" sz="1050" dirty="0" err="1">
                <a:latin typeface="Quattrocento Sans"/>
                <a:sym typeface="Quattrocento Sans"/>
              </a:rPr>
              <a:t>buttonHandler</a:t>
            </a:r>
            <a:r>
              <a:rPr lang="en-US" sz="1050" dirty="0">
                <a:latin typeface="Quattrocento Sans"/>
                <a:sym typeface="Quattrocento Sans"/>
              </a:rPr>
              <a:t>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function </a:t>
            </a:r>
            <a:r>
              <a:rPr lang="en-US" sz="1050" dirty="0" err="1">
                <a:latin typeface="Quattrocento Sans"/>
                <a:sym typeface="Quattrocento Sans"/>
              </a:rPr>
              <a:t>inputHandler</a:t>
            </a:r>
            <a:r>
              <a:rPr lang="en-US" sz="1050" dirty="0">
                <a:latin typeface="Quattrocento Sans"/>
                <a:sym typeface="Quattrocento Sans"/>
              </a:rPr>
              <a:t>({target})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if (</a:t>
            </a:r>
            <a:r>
              <a:rPr lang="en-US" sz="1050" dirty="0" err="1">
                <a:latin typeface="Quattrocento Sans"/>
                <a:sym typeface="Quattrocento Sans"/>
              </a:rPr>
              <a:t>target.hasAttribute</a:t>
            </a:r>
            <a:r>
              <a:rPr lang="en-US" sz="1050" dirty="0">
                <a:latin typeface="Quattrocento Sans"/>
                <a:sym typeface="Quattrocento Sans"/>
              </a:rPr>
              <a:t>("data-reg"))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</a:t>
            </a:r>
            <a:r>
              <a:rPr lang="en-US" sz="1050" dirty="0" err="1">
                <a:latin typeface="Quattrocento Sans"/>
                <a:sym typeface="Quattrocento Sans"/>
              </a:rPr>
              <a:t>inputCheck</a:t>
            </a:r>
            <a:r>
              <a:rPr lang="en-US" sz="1050" dirty="0">
                <a:latin typeface="Quattrocento Sans"/>
                <a:sym typeface="Quattrocento Sans"/>
              </a:rPr>
              <a:t>(target);}}</a:t>
            </a:r>
            <a:br>
              <a:rPr lang="en-US" sz="1050" dirty="0">
                <a:latin typeface="Quattrocento Sans"/>
                <a:sym typeface="Quattrocento Sans"/>
              </a:rPr>
            </a:br>
            <a:endParaRPr lang="en-US" sz="1100" dirty="0">
              <a:latin typeface="Quattrocento Sans"/>
              <a:sym typeface="Quattrocento Sans"/>
            </a:endParaRPr>
          </a:p>
        </p:txBody>
      </p:sp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4188AF56-899E-47E7-A63F-13D30C9F041A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82851" y="5305"/>
            <a:ext cx="2797423" cy="2458140"/>
          </a:xfrm>
          <a:prstGeom prst="rect">
            <a:avLst/>
          </a:prstGeom>
        </p:spPr>
      </p:pic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0E086271-6002-41CE-8569-F972FD9A6A4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172260" y="1342680"/>
            <a:ext cx="2957708" cy="2458140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260B8277-E956-4C9E-8ADB-87C873F742D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943397" y="2648724"/>
            <a:ext cx="3005125" cy="2458140"/>
          </a:xfrm>
          <a:prstGeom prst="rect">
            <a:avLst/>
          </a:prstGeom>
        </p:spPr>
      </p:pic>
      <p:sp>
        <p:nvSpPr>
          <p:cNvPr id="22" name="TextBox 21">
            <a:extLst>
              <a:ext uri="{FF2B5EF4-FFF2-40B4-BE49-F238E27FC236}">
                <a16:creationId xmlns:a16="http://schemas.microsoft.com/office/drawing/2014/main" id="{CD8A7D84-A73A-4C11-95C1-BEAEFB6CCEF8}"/>
              </a:ext>
            </a:extLst>
          </p:cNvPr>
          <p:cNvSpPr txBox="1"/>
          <p:nvPr/>
        </p:nvSpPr>
        <p:spPr>
          <a:xfrm>
            <a:off x="1750827" y="3445915"/>
            <a:ext cx="4579088" cy="192360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function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Check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el){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const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Valu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valu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const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Reg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getAttribut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"data-reg")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const reg = new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egExp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Reg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)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if (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eg.test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Valu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)){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tyle.border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 "2px solid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gb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0, 196, 0)"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etAttribut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"is-valid", "1");}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else{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tyle.border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 "2px solid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gb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255, 0, 0)"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etAttribut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"is-valid", "0");}}</a:t>
            </a:r>
            <a:br>
              <a:rPr kumimoji="0" lang="ru-RU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451005554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Прямоугольник: один скругленный угол 17">
            <a:extLst>
              <a:ext uri="{FF2B5EF4-FFF2-40B4-BE49-F238E27FC236}">
                <a16:creationId xmlns:a16="http://schemas.microsoft.com/office/drawing/2014/main" id="{C282AA1D-89BF-456D-9E53-64138278A75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CAF92529-4170-44F1-A679-28F14E2749F5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742595" y="208440"/>
            <a:ext cx="2859538" cy="2650595"/>
          </a:xfrm>
          <a:prstGeom prst="rect">
            <a:avLst/>
          </a:prstGeom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Адаптивная верст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3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761373" y="1412868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05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</a:t>
            </a:r>
            <a:r>
              <a:rPr lang="ru-RU" sz="1050" b="1" dirty="0">
                <a:highlight>
                  <a:schemeClr val="accent1"/>
                </a:highlight>
                <a:sym typeface="Quattrocento Sans"/>
              </a:rPr>
              <a:t>:</a:t>
            </a:r>
            <a:r>
              <a:rPr lang="ru-RU" sz="1050" dirty="0">
                <a:latin typeface="Quattrocento Sans"/>
                <a:sym typeface="Quattrocento Sans"/>
              </a:rPr>
              <a:t>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@media screen and (max-width: 1170px){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/*start.html*/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.</a:t>
            </a:r>
            <a:r>
              <a:rPr lang="en-US" sz="1050" dirty="0" err="1">
                <a:latin typeface="Quattrocento Sans"/>
                <a:sym typeface="Quattrocento Sans"/>
              </a:rPr>
              <a:t>main_page_img</a:t>
            </a:r>
            <a:r>
              <a:rPr lang="en-US" sz="1050" dirty="0">
                <a:latin typeface="Quattrocento Sans"/>
                <a:sym typeface="Quattrocento Sans"/>
              </a:rPr>
              <a:t> </a:t>
            </a:r>
            <a:r>
              <a:rPr lang="en-US" sz="1050" dirty="0" err="1">
                <a:latin typeface="Quattrocento Sans"/>
                <a:sym typeface="Quattrocento Sans"/>
              </a:rPr>
              <a:t>img</a:t>
            </a:r>
            <a:r>
              <a:rPr lang="en-US" sz="1050" dirty="0">
                <a:latin typeface="Quattrocento Sans"/>
                <a:sym typeface="Quattrocento Sans"/>
              </a:rPr>
              <a:t>{width: 700px;}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.number{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font-size: 40px;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line-height: 38px; 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ru-RU" sz="1050" dirty="0">
                <a:latin typeface="Quattrocento Sans"/>
                <a:sym typeface="Quattrocento Sans"/>
              </a:rPr>
              <a:t>     </a:t>
            </a:r>
            <a:r>
              <a:rPr lang="en-US" sz="1050" dirty="0">
                <a:latin typeface="Quattrocento Sans"/>
                <a:sym typeface="Quattrocento Sans"/>
              </a:rPr>
              <a:t>}</a:t>
            </a:r>
            <a:endParaRPr lang="ru-RU" sz="1050" dirty="0"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050" dirty="0">
                <a:latin typeface="Quattrocento Sans"/>
                <a:sym typeface="Quattrocento Sans"/>
              </a:rPr>
              <a:t>    /*materials*/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.</a:t>
            </a:r>
            <a:r>
              <a:rPr lang="en-US" sz="1050" dirty="0" err="1">
                <a:latin typeface="Quattrocento Sans"/>
                <a:sym typeface="Quattrocento Sans"/>
              </a:rPr>
              <a:t>mat_img</a:t>
            </a:r>
            <a:r>
              <a:rPr lang="en-US" sz="1050" dirty="0">
                <a:latin typeface="Quattrocento Sans"/>
                <a:sym typeface="Quattrocento Sans"/>
              </a:rPr>
              <a:t> </a:t>
            </a:r>
            <a:r>
              <a:rPr lang="en-US" sz="1050" dirty="0" err="1">
                <a:latin typeface="Quattrocento Sans"/>
                <a:sym typeface="Quattrocento Sans"/>
              </a:rPr>
              <a:t>img</a:t>
            </a:r>
            <a:r>
              <a:rPr lang="en-US" sz="1050" dirty="0">
                <a:latin typeface="Quattrocento Sans"/>
                <a:sym typeface="Quattrocento Sans"/>
              </a:rPr>
              <a:t>{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width: 700px;    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ru-RU" sz="1050" dirty="0">
                <a:latin typeface="Quattrocento Sans"/>
                <a:sym typeface="Quattrocento Sans"/>
              </a:rPr>
              <a:t>     </a:t>
            </a:r>
            <a:r>
              <a:rPr lang="en-US" sz="1050" dirty="0">
                <a:latin typeface="Quattrocento Sans"/>
                <a:sym typeface="Quattrocento Sans"/>
              </a:rPr>
              <a:t>}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050" dirty="0">
                <a:latin typeface="Quattrocento Sans"/>
                <a:sym typeface="Quattrocento Sans"/>
              </a:rPr>
              <a:t>@media screen and (max-width: 1140px){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/*start.html*/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.</a:t>
            </a:r>
            <a:r>
              <a:rPr lang="en-US" sz="1050" dirty="0" err="1">
                <a:latin typeface="Quattrocento Sans"/>
                <a:sym typeface="Quattrocento Sans"/>
              </a:rPr>
              <a:t>main_page_img</a:t>
            </a:r>
            <a:r>
              <a:rPr lang="en-US" sz="1050" dirty="0">
                <a:latin typeface="Quattrocento Sans"/>
                <a:sym typeface="Quattrocento Sans"/>
              </a:rPr>
              <a:t> </a:t>
            </a:r>
            <a:r>
              <a:rPr lang="en-US" sz="1050" dirty="0" err="1">
                <a:latin typeface="Quattrocento Sans"/>
                <a:sym typeface="Quattrocento Sans"/>
              </a:rPr>
              <a:t>img</a:t>
            </a:r>
            <a:r>
              <a:rPr lang="en-US" sz="1050" dirty="0">
                <a:latin typeface="Quattrocento Sans"/>
                <a:sym typeface="Quattrocento Sans"/>
              </a:rPr>
              <a:t>{width: 650px;}</a:t>
            </a:r>
            <a:endParaRPr lang="ru-RU" sz="1050" dirty="0"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050" dirty="0">
                <a:latin typeface="Quattrocento Sans"/>
                <a:sym typeface="Quattrocento Sans"/>
              </a:rPr>
              <a:t> /*materials*/</a:t>
            </a:r>
            <a:br>
              <a:rPr lang="ru-RU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.</a:t>
            </a:r>
            <a:r>
              <a:rPr lang="en-US" sz="1050" dirty="0" err="1">
                <a:latin typeface="Quattrocento Sans"/>
                <a:sym typeface="Quattrocento Sans"/>
              </a:rPr>
              <a:t>mat_img</a:t>
            </a:r>
            <a:r>
              <a:rPr lang="en-US" sz="1050" dirty="0">
                <a:latin typeface="Quattrocento Sans"/>
                <a:sym typeface="Quattrocento Sans"/>
              </a:rPr>
              <a:t> </a:t>
            </a:r>
            <a:r>
              <a:rPr lang="en-US" sz="1050" dirty="0" err="1">
                <a:latin typeface="Quattrocento Sans"/>
                <a:sym typeface="Quattrocento Sans"/>
              </a:rPr>
              <a:t>img</a:t>
            </a:r>
            <a:r>
              <a:rPr lang="en-US" sz="1050" dirty="0">
                <a:latin typeface="Quattrocento Sans"/>
                <a:sym typeface="Quattrocento Sans"/>
              </a:rPr>
              <a:t>{width: 650px; }}</a:t>
            </a:r>
            <a:endParaRPr lang="ru-RU" sz="1050" dirty="0"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endParaRPr lang="en-US" sz="1100" dirty="0">
              <a:latin typeface="Quattrocento Sans"/>
              <a:sym typeface="Quattrocento Sans"/>
            </a:endParaRPr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0FEFF976-AEAB-4F1F-9D8C-0C8AC33A5B8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216412" y="2492904"/>
            <a:ext cx="4712168" cy="221243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94641581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 Внедрение </a:t>
            </a:r>
            <a:br>
              <a:rPr lang="ru-RU" dirty="0"/>
            </a:br>
            <a:r>
              <a:rPr lang="ru-RU" dirty="0"/>
              <a:t>и сопровождение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2" name="Google Shape;312;p29"/>
          <p:cNvSpPr/>
          <p:nvPr/>
        </p:nvSpPr>
        <p:spPr>
          <a:xfrm>
            <a:off x="305343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Юзабилити тестирование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315" name="Google Shape;315;p29"/>
          <p:cNvCxnSpPr>
            <a:cxnSpLocks/>
            <a:stCxn id="312" idx="6"/>
            <a:endCxn id="314" idx="2"/>
          </p:cNvCxnSpPr>
          <p:nvPr/>
        </p:nvCxnSpPr>
        <p:spPr>
          <a:xfrm>
            <a:off x="2080139" y="3149937"/>
            <a:ext cx="458060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316" name="Google Shape;316;p29"/>
          <p:cNvCxnSpPr>
            <a:cxnSpLocks/>
            <a:stCxn id="314" idx="6"/>
            <a:endCxn id="313" idx="2"/>
          </p:cNvCxnSpPr>
          <p:nvPr/>
        </p:nvCxnSpPr>
        <p:spPr>
          <a:xfrm>
            <a:off x="4312995" y="3149937"/>
            <a:ext cx="494686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4</a:t>
            </a:fld>
            <a:endParaRPr/>
          </a:p>
        </p:txBody>
      </p:sp>
      <p:sp>
        <p:nvSpPr>
          <p:cNvPr id="14" name="Google Shape;313;p29">
            <a:extLst>
              <a:ext uri="{FF2B5EF4-FFF2-40B4-BE49-F238E27FC236}">
                <a16:creationId xmlns:a16="http://schemas.microsoft.com/office/drawing/2014/main" id="{8400505D-8D7C-4B85-AA6E-C050B7A7F7B7}"/>
              </a:ext>
            </a:extLst>
          </p:cNvPr>
          <p:cNvSpPr/>
          <p:nvPr/>
        </p:nvSpPr>
        <p:spPr>
          <a:xfrm>
            <a:off x="7089355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ерспективы развития сайт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15" name="Google Shape;316;p29">
            <a:extLst>
              <a:ext uri="{FF2B5EF4-FFF2-40B4-BE49-F238E27FC236}">
                <a16:creationId xmlns:a16="http://schemas.microsoft.com/office/drawing/2014/main" id="{FCF9D30D-BDAE-4587-91C3-016B5D37CF1A}"/>
              </a:ext>
            </a:extLst>
          </p:cNvPr>
          <p:cNvCxnSpPr>
            <a:cxnSpLocks/>
            <a:stCxn id="313" idx="6"/>
            <a:endCxn id="14" idx="2"/>
          </p:cNvCxnSpPr>
          <p:nvPr/>
        </p:nvCxnSpPr>
        <p:spPr>
          <a:xfrm>
            <a:off x="6582477" y="3149937"/>
            <a:ext cx="506878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3" name="Google Shape;313;p29"/>
          <p:cNvSpPr/>
          <p:nvPr/>
        </p:nvSpPr>
        <p:spPr>
          <a:xfrm>
            <a:off x="4807681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ыбор и обоснование хостинг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4" name="Google Shape;314;p29"/>
          <p:cNvSpPr/>
          <p:nvPr/>
        </p:nvSpPr>
        <p:spPr>
          <a:xfrm>
            <a:off x="2538199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ыбор доменного имени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3134721235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2 Выбор доменного имен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5</a:t>
            </a:fld>
            <a:endParaRPr/>
          </a:p>
        </p:txBody>
      </p:sp>
      <p:sp>
        <p:nvSpPr>
          <p:cNvPr id="14" name="Google Shape;92;p13">
            <a:extLst>
              <a:ext uri="{FF2B5EF4-FFF2-40B4-BE49-F238E27FC236}">
                <a16:creationId xmlns:a16="http://schemas.microsoft.com/office/drawing/2014/main" id="{038DE5D7-2824-4328-BCE6-AA844012B3F9}"/>
              </a:ext>
            </a:extLst>
          </p:cNvPr>
          <p:cNvSpPr txBox="1"/>
          <p:nvPr/>
        </p:nvSpPr>
        <p:spPr>
          <a:xfrm>
            <a:off x="1381250" y="1578150"/>
            <a:ext cx="322680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Вариант 1. </a:t>
            </a:r>
            <a:br>
              <a:rPr lang="ru-RU" sz="1200" b="1" dirty="0">
                <a:highlight>
                  <a:schemeClr val="accent1"/>
                </a:highlight>
                <a:sym typeface="Quattrocento Sans"/>
              </a:rPr>
            </a:br>
            <a:r>
              <a:rPr lang="ru-RU" sz="1200" b="1" dirty="0">
                <a:sym typeface="Quattrocento Sans"/>
              </a:rPr>
              <a:t>Домен второго и первого уровня останется прежним belarusbank.by, и необходимо выбрать только домен третьего уровня. Были выделены следующие варианты: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testing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testing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endParaRPr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  <p:sp>
        <p:nvSpPr>
          <p:cNvPr id="15" name="Google Shape;93;p13">
            <a:extLst>
              <a:ext uri="{FF2B5EF4-FFF2-40B4-BE49-F238E27FC236}">
                <a16:creationId xmlns:a16="http://schemas.microsoft.com/office/drawing/2014/main" id="{5551A392-7A2B-46D2-B579-048D2FF1BD95}"/>
              </a:ext>
            </a:extLst>
          </p:cNvPr>
          <p:cNvSpPr txBox="1"/>
          <p:nvPr/>
        </p:nvSpPr>
        <p:spPr>
          <a:xfrm>
            <a:off x="5044602" y="1578150"/>
            <a:ext cx="336750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Вариант 2. </a:t>
            </a:r>
            <a:br>
              <a:rPr lang="ru-RU" sz="1200" b="1" dirty="0">
                <a:highlight>
                  <a:schemeClr val="accent1"/>
                </a:highlight>
                <a:sym typeface="Quattrocento Sans"/>
              </a:rPr>
            </a:br>
            <a:r>
              <a:rPr lang="ru-RU" sz="1200" b="1" dirty="0">
                <a:sym typeface="Quattrocento Sans"/>
              </a:rPr>
              <a:t>Автономный веб-ресурс отдельно от основного сайта, тогда следует выбрать отличающее его доменное имя второго уровня, например: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arusbankhr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arusbankhrtesting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testing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testinghr.by.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  <p:sp>
        <p:nvSpPr>
          <p:cNvPr id="16" name="Google Shape;85;p13">
            <a:extLst>
              <a:ext uri="{FF2B5EF4-FFF2-40B4-BE49-F238E27FC236}">
                <a16:creationId xmlns:a16="http://schemas.microsoft.com/office/drawing/2014/main" id="{94AA58F4-5D41-43AB-A487-AA375FF812DC}"/>
              </a:ext>
            </a:extLst>
          </p:cNvPr>
          <p:cNvSpPr/>
          <p:nvPr/>
        </p:nvSpPr>
        <p:spPr>
          <a:xfrm>
            <a:off x="5650" y="4163500"/>
            <a:ext cx="9144000" cy="9798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7" name="Google Shape;94;p13">
            <a:extLst>
              <a:ext uri="{FF2B5EF4-FFF2-40B4-BE49-F238E27FC236}">
                <a16:creationId xmlns:a16="http://schemas.microsoft.com/office/drawing/2014/main" id="{FDB8CD27-30CC-4C54-944C-D3EED709F9C1}"/>
              </a:ext>
            </a:extLst>
          </p:cNvPr>
          <p:cNvSpPr txBox="1"/>
          <p:nvPr/>
        </p:nvSpPr>
        <p:spPr>
          <a:xfrm>
            <a:off x="684950" y="4258614"/>
            <a:ext cx="7846200" cy="615326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100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се выбранные имена понятные, логичные, простые в запоминании, ассоциативные и отражают деятельность сайта. Было выбрано доменное имя второго уровня </a:t>
            </a:r>
            <a:r>
              <a:rPr lang="ru-RU" sz="1200" b="1" u="sng" dirty="0">
                <a:latin typeface="Lora"/>
                <a:ea typeface="Lora"/>
                <a:cs typeface="Lora"/>
                <a:sym typeface="Lora"/>
              </a:rPr>
              <a:t>«</a:t>
            </a:r>
            <a:r>
              <a:rPr lang="ru-RU" sz="1200" b="1" u="sng" dirty="0" err="1">
                <a:latin typeface="Lora"/>
                <a:ea typeface="Lora"/>
                <a:cs typeface="Lora"/>
                <a:sym typeface="Lora"/>
              </a:rPr>
              <a:t>hrtesting</a:t>
            </a:r>
            <a:r>
              <a:rPr lang="ru-RU" sz="1200" b="1" u="sng" dirty="0">
                <a:latin typeface="Lora"/>
                <a:ea typeface="Lora"/>
                <a:cs typeface="Lora"/>
                <a:sym typeface="Lora"/>
              </a:rPr>
              <a:t>».</a:t>
            </a:r>
            <a:endParaRPr lang="en-US" sz="1200" b="1" u="sng"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1331988477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2 Выбор и обоснование </a:t>
            </a:r>
            <a:br>
              <a:rPr lang="ru-RU" dirty="0"/>
            </a:br>
            <a:r>
              <a:rPr lang="ru-RU" dirty="0"/>
              <a:t>хостинг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6</a:t>
            </a:fld>
            <a:endParaRPr/>
          </a:p>
        </p:txBody>
      </p:sp>
      <p:graphicFrame>
        <p:nvGraphicFramePr>
          <p:cNvPr id="2" name="Таблица 1">
            <a:extLst>
              <a:ext uri="{FF2B5EF4-FFF2-40B4-BE49-F238E27FC236}">
                <a16:creationId xmlns:a16="http://schemas.microsoft.com/office/drawing/2014/main" id="{867ED720-4B15-43A1-8F7F-F694D46A645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7994646"/>
              </p:ext>
            </p:extLst>
          </p:nvPr>
        </p:nvGraphicFramePr>
        <p:xfrm>
          <a:off x="364830" y="1579062"/>
          <a:ext cx="5731168" cy="3314253"/>
        </p:xfrm>
        <a:graphic>
          <a:graphicData uri="http://schemas.openxmlformats.org/drawingml/2006/table">
            <a:tbl>
              <a:tblPr firstRow="1" firstCol="1" bandRow="1">
                <a:tableStyleId>{B301B821-A1FF-4177-AEE7-76D212191A09}</a:tableStyleId>
              </a:tblPr>
              <a:tblGrid>
                <a:gridCol w="1178617">
                  <a:extLst>
                    <a:ext uri="{9D8B030D-6E8A-4147-A177-3AD203B41FA5}">
                      <a16:colId xmlns:a16="http://schemas.microsoft.com/office/drawing/2014/main" val="1904823886"/>
                    </a:ext>
                  </a:extLst>
                </a:gridCol>
                <a:gridCol w="1047063">
                  <a:extLst>
                    <a:ext uri="{9D8B030D-6E8A-4147-A177-3AD203B41FA5}">
                      <a16:colId xmlns:a16="http://schemas.microsoft.com/office/drawing/2014/main" val="3208756348"/>
                    </a:ext>
                  </a:extLst>
                </a:gridCol>
                <a:gridCol w="1252427">
                  <a:extLst>
                    <a:ext uri="{9D8B030D-6E8A-4147-A177-3AD203B41FA5}">
                      <a16:colId xmlns:a16="http://schemas.microsoft.com/office/drawing/2014/main" val="2983304882"/>
                    </a:ext>
                  </a:extLst>
                </a:gridCol>
                <a:gridCol w="1000634">
                  <a:extLst>
                    <a:ext uri="{9D8B030D-6E8A-4147-A177-3AD203B41FA5}">
                      <a16:colId xmlns:a16="http://schemas.microsoft.com/office/drawing/2014/main" val="3303067280"/>
                    </a:ext>
                  </a:extLst>
                </a:gridCol>
                <a:gridCol w="1252427">
                  <a:extLst>
                    <a:ext uri="{9D8B030D-6E8A-4147-A177-3AD203B41FA5}">
                      <a16:colId xmlns:a16="http://schemas.microsoft.com/office/drawing/2014/main" val="1148299461"/>
                    </a:ext>
                  </a:extLst>
                </a:gridCol>
              </a:tblGrid>
              <a:tr h="298506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Критерии для сравнения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000Webhost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Awardspace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Byet</a:t>
                      </a:r>
                      <a:r>
                        <a:rPr lang="ru-RU" sz="1000" dirty="0">
                          <a:effectLst/>
                        </a:rPr>
                        <a:t> </a:t>
                      </a:r>
                      <a:r>
                        <a:rPr lang="ru-RU" sz="1000" dirty="0" err="1">
                          <a:effectLst/>
                        </a:rPr>
                        <a:t>Host</a:t>
                      </a:r>
                      <a:endParaRPr lang="ru-RU" sz="1000" dirty="0">
                        <a:effectLst/>
                      </a:endParaRPr>
                    </a:p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 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FreehostingNoAds</a:t>
                      </a:r>
                      <a:endParaRPr lang="ru-RU" sz="1000" dirty="0">
                        <a:effectLst/>
                      </a:endParaRPr>
                    </a:p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 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561249541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тоимост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157726941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Автоустановщик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838785976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ддержка баз данных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050512968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Дисковое пространств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 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854264233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лоса пропуска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0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ограничен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148653959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азы данных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2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3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645924250"/>
                  </a:ext>
                </a:extLst>
              </a:tr>
              <a:tr h="303414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анель управле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Cpane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Расширенная панель управле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VistaPane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неизвестно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541689058"/>
                  </a:ext>
                </a:extLst>
              </a:tr>
              <a:tr h="318114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достатк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В день существует принудительный период ожидания (сна) в один час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т гарантии работоспособност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 все функции работают так, как они описаны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Нет гарантии работоспособности и технической поддержки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780148311"/>
                  </a:ext>
                </a:extLst>
              </a:tr>
              <a:tr h="41120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реимущества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Защита от спама, 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ыстрота работы, поддержка 24/7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1617923293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латные услуг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7.1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5.20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4.9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1.9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260703445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Функционирует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7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4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C 2005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3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911951949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Регистрац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По e-</a:t>
                      </a:r>
                      <a:r>
                        <a:rPr lang="ru-RU" sz="800" dirty="0" err="1">
                          <a:effectLst/>
                        </a:rPr>
                        <a:t>mail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455027757"/>
                  </a:ext>
                </a:extLst>
              </a:tr>
            </a:tbl>
          </a:graphicData>
        </a:graphic>
      </p:graphicFrame>
      <p:pic>
        <p:nvPicPr>
          <p:cNvPr id="2050" name="Picture 2" descr="AwardSpace.com - Reliable Web Hosting (awardspace) - Profile | Pinterest">
            <a:extLst>
              <a:ext uri="{FF2B5EF4-FFF2-40B4-BE49-F238E27FC236}">
                <a16:creationId xmlns:a16="http://schemas.microsoft.com/office/drawing/2014/main" id="{AA99AABB-391A-4AA1-B862-53085FBE88A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74308" y="1799082"/>
            <a:ext cx="2667000" cy="2667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03536980"/>
      </p:ext>
    </p:extLst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p17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Список использованных источников</a:t>
            </a:r>
            <a:endParaRPr dirty="0"/>
          </a:p>
        </p:txBody>
      </p:sp>
      <p:grpSp>
        <p:nvGrpSpPr>
          <p:cNvPr id="126" name="Google Shape;126;p17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27" name="Google Shape;127;p17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8" name="Google Shape;128;p17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9" name="Google Shape;129;p17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0" name="Google Shape;130;p17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31" name="Google Shape;131;p17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7</a:t>
            </a:fld>
            <a:endParaRPr/>
          </a:p>
        </p:txBody>
      </p:sp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8AAF01E9-A263-4870-9506-C05A68106046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0838" y="1894554"/>
            <a:ext cx="2090405" cy="2696167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C41B50D6-B488-4FD5-AC6E-B40E7E50315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817897" y="1894554"/>
            <a:ext cx="1898354" cy="2696167"/>
          </a:xfrm>
          <a:prstGeom prst="rect">
            <a:avLst/>
          </a:prstGeom>
        </p:spPr>
      </p:pic>
      <p:pic>
        <p:nvPicPr>
          <p:cNvPr id="9" name="Рисунок 8">
            <a:extLst>
              <a:ext uri="{FF2B5EF4-FFF2-40B4-BE49-F238E27FC236}">
                <a16:creationId xmlns:a16="http://schemas.microsoft.com/office/drawing/2014/main" id="{3702F307-A466-4C69-AF67-B7162C1328A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879753" y="1894555"/>
            <a:ext cx="1907814" cy="2696166"/>
          </a:xfrm>
          <a:prstGeom prst="rect">
            <a:avLst/>
          </a:prstGeom>
        </p:spPr>
      </p:pic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BD49050B-616B-4B3E-81EB-BDB62628072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914493" y="2507138"/>
            <a:ext cx="1903084" cy="1470998"/>
          </a:xfrm>
          <a:prstGeom prst="rect">
            <a:avLst/>
          </a:prstGeom>
        </p:spPr>
      </p:pic>
    </p:spTree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" name="Google Shape;276;p27"/>
          <p:cNvSpPr txBox="1">
            <a:spLocks noGrp="1"/>
          </p:cNvSpPr>
          <p:nvPr>
            <p:ph type="ctrTitle" idx="4294967295"/>
          </p:nvPr>
        </p:nvSpPr>
        <p:spPr>
          <a:xfrm>
            <a:off x="769734" y="382790"/>
            <a:ext cx="7772400" cy="1159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4800" dirty="0">
                <a:highlight>
                  <a:schemeClr val="accent1"/>
                </a:highlight>
              </a:rPr>
              <a:t>Спасибо за внимание!</a:t>
            </a:r>
            <a:endParaRPr sz="4800" dirty="0">
              <a:highlight>
                <a:schemeClr val="accent1"/>
              </a:highlight>
            </a:endParaRPr>
          </a:p>
        </p:txBody>
      </p:sp>
      <p:sp>
        <p:nvSpPr>
          <p:cNvPr id="284" name="Google Shape;284;p27"/>
          <p:cNvSpPr txBox="1">
            <a:spLocks noGrp="1"/>
          </p:cNvSpPr>
          <p:nvPr>
            <p:ph type="sldNum" idx="12"/>
          </p:nvPr>
        </p:nvSpPr>
        <p:spPr>
          <a:xfrm>
            <a:off x="4297650" y="4791900"/>
            <a:ext cx="548700" cy="351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8</a:t>
            </a:fld>
            <a:endParaRPr/>
          </a:p>
        </p:txBody>
      </p:sp>
      <p:grpSp>
        <p:nvGrpSpPr>
          <p:cNvPr id="11" name="Google Shape;897;p48">
            <a:extLst>
              <a:ext uri="{FF2B5EF4-FFF2-40B4-BE49-F238E27FC236}">
                <a16:creationId xmlns:a16="http://schemas.microsoft.com/office/drawing/2014/main" id="{825CBA8B-0D7F-477B-8B9C-68E6C51DAA87}"/>
              </a:ext>
            </a:extLst>
          </p:cNvPr>
          <p:cNvGrpSpPr/>
          <p:nvPr/>
        </p:nvGrpSpPr>
        <p:grpSpPr>
          <a:xfrm>
            <a:off x="4411811" y="4344386"/>
            <a:ext cx="320378" cy="320378"/>
            <a:chOff x="1278900" y="2333250"/>
            <a:chExt cx="381175" cy="381175"/>
          </a:xfrm>
        </p:grpSpPr>
        <p:sp>
          <p:nvSpPr>
            <p:cNvPr id="12" name="Google Shape;898;p48">
              <a:extLst>
                <a:ext uri="{FF2B5EF4-FFF2-40B4-BE49-F238E27FC236}">
                  <a16:creationId xmlns:a16="http://schemas.microsoft.com/office/drawing/2014/main" id="{F96BFA2C-37A4-4032-B3F9-F4E4119A2FC5}"/>
                </a:ext>
              </a:extLst>
            </p:cNvPr>
            <p:cNvSpPr/>
            <p:nvPr/>
          </p:nvSpPr>
          <p:spPr>
            <a:xfrm>
              <a:off x="1278900" y="2333250"/>
              <a:ext cx="381175" cy="381175"/>
            </a:xfrm>
            <a:custGeom>
              <a:avLst/>
              <a:gdLst/>
              <a:ahLst/>
              <a:cxnLst/>
              <a:rect l="l" t="t" r="r" b="b"/>
              <a:pathLst>
                <a:path w="15247" h="15247" fill="none" extrusionOk="0">
                  <a:moveTo>
                    <a:pt x="7623" y="0"/>
                  </a:moveTo>
                  <a:lnTo>
                    <a:pt x="7623" y="0"/>
                  </a:lnTo>
                  <a:lnTo>
                    <a:pt x="7233" y="0"/>
                  </a:lnTo>
                  <a:lnTo>
                    <a:pt x="6844" y="49"/>
                  </a:lnTo>
                  <a:lnTo>
                    <a:pt x="6454" y="98"/>
                  </a:lnTo>
                  <a:lnTo>
                    <a:pt x="6089" y="147"/>
                  </a:lnTo>
                  <a:lnTo>
                    <a:pt x="5723" y="244"/>
                  </a:lnTo>
                  <a:lnTo>
                    <a:pt x="5358" y="341"/>
                  </a:lnTo>
                  <a:lnTo>
                    <a:pt x="4993" y="463"/>
                  </a:lnTo>
                  <a:lnTo>
                    <a:pt x="4652" y="609"/>
                  </a:lnTo>
                  <a:lnTo>
                    <a:pt x="4311" y="755"/>
                  </a:lnTo>
                  <a:lnTo>
                    <a:pt x="3994" y="926"/>
                  </a:lnTo>
                  <a:lnTo>
                    <a:pt x="3678" y="1096"/>
                  </a:lnTo>
                  <a:lnTo>
                    <a:pt x="3361" y="1291"/>
                  </a:lnTo>
                  <a:lnTo>
                    <a:pt x="3069" y="1510"/>
                  </a:lnTo>
                  <a:lnTo>
                    <a:pt x="2777" y="1730"/>
                  </a:lnTo>
                  <a:lnTo>
                    <a:pt x="2509" y="1973"/>
                  </a:lnTo>
                  <a:lnTo>
                    <a:pt x="2241" y="2241"/>
                  </a:lnTo>
                  <a:lnTo>
                    <a:pt x="1973" y="2509"/>
                  </a:lnTo>
                  <a:lnTo>
                    <a:pt x="1729" y="2777"/>
                  </a:lnTo>
                  <a:lnTo>
                    <a:pt x="1510" y="3069"/>
                  </a:lnTo>
                  <a:lnTo>
                    <a:pt x="1291" y="3361"/>
                  </a:lnTo>
                  <a:lnTo>
                    <a:pt x="1096" y="3678"/>
                  </a:lnTo>
                  <a:lnTo>
                    <a:pt x="926" y="3995"/>
                  </a:lnTo>
                  <a:lnTo>
                    <a:pt x="755" y="4311"/>
                  </a:lnTo>
                  <a:lnTo>
                    <a:pt x="609" y="4652"/>
                  </a:lnTo>
                  <a:lnTo>
                    <a:pt x="463" y="4993"/>
                  </a:lnTo>
                  <a:lnTo>
                    <a:pt x="341" y="5358"/>
                  </a:lnTo>
                  <a:lnTo>
                    <a:pt x="244" y="5724"/>
                  </a:lnTo>
                  <a:lnTo>
                    <a:pt x="146" y="6089"/>
                  </a:lnTo>
                  <a:lnTo>
                    <a:pt x="97" y="6454"/>
                  </a:lnTo>
                  <a:lnTo>
                    <a:pt x="49" y="6844"/>
                  </a:lnTo>
                  <a:lnTo>
                    <a:pt x="0" y="7234"/>
                  </a:lnTo>
                  <a:lnTo>
                    <a:pt x="0" y="7623"/>
                  </a:lnTo>
                  <a:lnTo>
                    <a:pt x="0" y="7623"/>
                  </a:lnTo>
                  <a:lnTo>
                    <a:pt x="0" y="8013"/>
                  </a:lnTo>
                  <a:lnTo>
                    <a:pt x="49" y="8403"/>
                  </a:lnTo>
                  <a:lnTo>
                    <a:pt x="97" y="8793"/>
                  </a:lnTo>
                  <a:lnTo>
                    <a:pt x="146" y="9158"/>
                  </a:lnTo>
                  <a:lnTo>
                    <a:pt x="244" y="9523"/>
                  </a:lnTo>
                  <a:lnTo>
                    <a:pt x="341" y="9889"/>
                  </a:lnTo>
                  <a:lnTo>
                    <a:pt x="463" y="10254"/>
                  </a:lnTo>
                  <a:lnTo>
                    <a:pt x="609" y="10595"/>
                  </a:lnTo>
                  <a:lnTo>
                    <a:pt x="755" y="10936"/>
                  </a:lnTo>
                  <a:lnTo>
                    <a:pt x="926" y="11252"/>
                  </a:lnTo>
                  <a:lnTo>
                    <a:pt x="1096" y="11569"/>
                  </a:lnTo>
                  <a:lnTo>
                    <a:pt x="1291" y="11886"/>
                  </a:lnTo>
                  <a:lnTo>
                    <a:pt x="1510" y="12178"/>
                  </a:lnTo>
                  <a:lnTo>
                    <a:pt x="1729" y="12470"/>
                  </a:lnTo>
                  <a:lnTo>
                    <a:pt x="1973" y="12738"/>
                  </a:lnTo>
                  <a:lnTo>
                    <a:pt x="2241" y="13006"/>
                  </a:lnTo>
                  <a:lnTo>
                    <a:pt x="2509" y="13274"/>
                  </a:lnTo>
                  <a:lnTo>
                    <a:pt x="2777" y="13517"/>
                  </a:lnTo>
                  <a:lnTo>
                    <a:pt x="3069" y="13737"/>
                  </a:lnTo>
                  <a:lnTo>
                    <a:pt x="3361" y="13956"/>
                  </a:lnTo>
                  <a:lnTo>
                    <a:pt x="3678" y="14151"/>
                  </a:lnTo>
                  <a:lnTo>
                    <a:pt x="3994" y="14321"/>
                  </a:lnTo>
                  <a:lnTo>
                    <a:pt x="4311" y="14492"/>
                  </a:lnTo>
                  <a:lnTo>
                    <a:pt x="4652" y="14638"/>
                  </a:lnTo>
                  <a:lnTo>
                    <a:pt x="4993" y="14784"/>
                  </a:lnTo>
                  <a:lnTo>
                    <a:pt x="5358" y="14906"/>
                  </a:lnTo>
                  <a:lnTo>
                    <a:pt x="5723" y="15003"/>
                  </a:lnTo>
                  <a:lnTo>
                    <a:pt x="6089" y="15100"/>
                  </a:lnTo>
                  <a:lnTo>
                    <a:pt x="6454" y="15149"/>
                  </a:lnTo>
                  <a:lnTo>
                    <a:pt x="6844" y="15198"/>
                  </a:lnTo>
                  <a:lnTo>
                    <a:pt x="7233" y="15247"/>
                  </a:lnTo>
                  <a:lnTo>
                    <a:pt x="7623" y="15247"/>
                  </a:lnTo>
                  <a:lnTo>
                    <a:pt x="7623" y="15247"/>
                  </a:lnTo>
                  <a:lnTo>
                    <a:pt x="8013" y="15247"/>
                  </a:lnTo>
                  <a:lnTo>
                    <a:pt x="8403" y="15198"/>
                  </a:lnTo>
                  <a:lnTo>
                    <a:pt x="8792" y="15149"/>
                  </a:lnTo>
                  <a:lnTo>
                    <a:pt x="9158" y="15100"/>
                  </a:lnTo>
                  <a:lnTo>
                    <a:pt x="9523" y="15003"/>
                  </a:lnTo>
                  <a:lnTo>
                    <a:pt x="9888" y="14906"/>
                  </a:lnTo>
                  <a:lnTo>
                    <a:pt x="10253" y="14784"/>
                  </a:lnTo>
                  <a:lnTo>
                    <a:pt x="10594" y="14638"/>
                  </a:lnTo>
                  <a:lnTo>
                    <a:pt x="10935" y="14492"/>
                  </a:lnTo>
                  <a:lnTo>
                    <a:pt x="11252" y="14321"/>
                  </a:lnTo>
                  <a:lnTo>
                    <a:pt x="11569" y="14151"/>
                  </a:lnTo>
                  <a:lnTo>
                    <a:pt x="11885" y="13956"/>
                  </a:lnTo>
                  <a:lnTo>
                    <a:pt x="12178" y="13737"/>
                  </a:lnTo>
                  <a:lnTo>
                    <a:pt x="12470" y="13517"/>
                  </a:lnTo>
                  <a:lnTo>
                    <a:pt x="12738" y="13274"/>
                  </a:lnTo>
                  <a:lnTo>
                    <a:pt x="13006" y="13006"/>
                  </a:lnTo>
                  <a:lnTo>
                    <a:pt x="13273" y="12738"/>
                  </a:lnTo>
                  <a:lnTo>
                    <a:pt x="13517" y="12470"/>
                  </a:lnTo>
                  <a:lnTo>
                    <a:pt x="13736" y="12178"/>
                  </a:lnTo>
                  <a:lnTo>
                    <a:pt x="13955" y="11886"/>
                  </a:lnTo>
                  <a:lnTo>
                    <a:pt x="14150" y="11569"/>
                  </a:lnTo>
                  <a:lnTo>
                    <a:pt x="14321" y="11252"/>
                  </a:lnTo>
                  <a:lnTo>
                    <a:pt x="14491" y="10936"/>
                  </a:lnTo>
                  <a:lnTo>
                    <a:pt x="14637" y="10595"/>
                  </a:lnTo>
                  <a:lnTo>
                    <a:pt x="14783" y="10254"/>
                  </a:lnTo>
                  <a:lnTo>
                    <a:pt x="14905" y="9889"/>
                  </a:lnTo>
                  <a:lnTo>
                    <a:pt x="15003" y="9523"/>
                  </a:lnTo>
                  <a:lnTo>
                    <a:pt x="15100" y="9158"/>
                  </a:lnTo>
                  <a:lnTo>
                    <a:pt x="15149" y="8793"/>
                  </a:lnTo>
                  <a:lnTo>
                    <a:pt x="15198" y="8403"/>
                  </a:lnTo>
                  <a:lnTo>
                    <a:pt x="15246" y="8013"/>
                  </a:lnTo>
                  <a:lnTo>
                    <a:pt x="15246" y="7623"/>
                  </a:lnTo>
                  <a:lnTo>
                    <a:pt x="15246" y="7623"/>
                  </a:lnTo>
                  <a:lnTo>
                    <a:pt x="15246" y="7234"/>
                  </a:lnTo>
                  <a:lnTo>
                    <a:pt x="15198" y="6844"/>
                  </a:lnTo>
                  <a:lnTo>
                    <a:pt x="15149" y="6454"/>
                  </a:lnTo>
                  <a:lnTo>
                    <a:pt x="15100" y="6089"/>
                  </a:lnTo>
                  <a:lnTo>
                    <a:pt x="15003" y="5724"/>
                  </a:lnTo>
                  <a:lnTo>
                    <a:pt x="14905" y="5358"/>
                  </a:lnTo>
                  <a:lnTo>
                    <a:pt x="14783" y="4993"/>
                  </a:lnTo>
                  <a:lnTo>
                    <a:pt x="14637" y="4652"/>
                  </a:lnTo>
                  <a:lnTo>
                    <a:pt x="14491" y="4311"/>
                  </a:lnTo>
                  <a:lnTo>
                    <a:pt x="14321" y="3995"/>
                  </a:lnTo>
                  <a:lnTo>
                    <a:pt x="14150" y="3678"/>
                  </a:lnTo>
                  <a:lnTo>
                    <a:pt x="13955" y="3361"/>
                  </a:lnTo>
                  <a:lnTo>
                    <a:pt x="13736" y="3069"/>
                  </a:lnTo>
                  <a:lnTo>
                    <a:pt x="13517" y="2777"/>
                  </a:lnTo>
                  <a:lnTo>
                    <a:pt x="13273" y="2509"/>
                  </a:lnTo>
                  <a:lnTo>
                    <a:pt x="13006" y="2241"/>
                  </a:lnTo>
                  <a:lnTo>
                    <a:pt x="12738" y="1973"/>
                  </a:lnTo>
                  <a:lnTo>
                    <a:pt x="12470" y="1730"/>
                  </a:lnTo>
                  <a:lnTo>
                    <a:pt x="12178" y="1510"/>
                  </a:lnTo>
                  <a:lnTo>
                    <a:pt x="11885" y="1291"/>
                  </a:lnTo>
                  <a:lnTo>
                    <a:pt x="11569" y="1096"/>
                  </a:lnTo>
                  <a:lnTo>
                    <a:pt x="11252" y="926"/>
                  </a:lnTo>
                  <a:lnTo>
                    <a:pt x="10935" y="755"/>
                  </a:lnTo>
                  <a:lnTo>
                    <a:pt x="10594" y="609"/>
                  </a:lnTo>
                  <a:lnTo>
                    <a:pt x="10253" y="463"/>
                  </a:lnTo>
                  <a:lnTo>
                    <a:pt x="9888" y="341"/>
                  </a:lnTo>
                  <a:lnTo>
                    <a:pt x="9523" y="244"/>
                  </a:lnTo>
                  <a:lnTo>
                    <a:pt x="9158" y="147"/>
                  </a:lnTo>
                  <a:lnTo>
                    <a:pt x="8792" y="98"/>
                  </a:lnTo>
                  <a:lnTo>
                    <a:pt x="8403" y="49"/>
                  </a:lnTo>
                  <a:lnTo>
                    <a:pt x="8013" y="0"/>
                  </a:lnTo>
                  <a:lnTo>
                    <a:pt x="7623" y="0"/>
                  </a:lnTo>
                  <a:lnTo>
                    <a:pt x="7623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" name="Google Shape;899;p48">
              <a:extLst>
                <a:ext uri="{FF2B5EF4-FFF2-40B4-BE49-F238E27FC236}">
                  <a16:creationId xmlns:a16="http://schemas.microsoft.com/office/drawing/2014/main" id="{75206A03-6DE9-4639-9BB1-E7E4C704FFF2}"/>
                </a:ext>
              </a:extLst>
            </p:cNvPr>
            <p:cNvSpPr/>
            <p:nvPr/>
          </p:nvSpPr>
          <p:spPr>
            <a:xfrm>
              <a:off x="1525475" y="2503125"/>
              <a:ext cx="43875" cy="47525"/>
            </a:xfrm>
            <a:custGeom>
              <a:avLst/>
              <a:gdLst/>
              <a:ahLst/>
              <a:cxnLst/>
              <a:rect l="l" t="t" r="r" b="b"/>
              <a:pathLst>
                <a:path w="1755" h="1901" fill="none" extrusionOk="0">
                  <a:moveTo>
                    <a:pt x="878" y="0"/>
                  </a:moveTo>
                  <a:lnTo>
                    <a:pt x="878" y="0"/>
                  </a:lnTo>
                  <a:lnTo>
                    <a:pt x="1048" y="25"/>
                  </a:lnTo>
                  <a:lnTo>
                    <a:pt x="1219" y="73"/>
                  </a:lnTo>
                  <a:lnTo>
                    <a:pt x="1365" y="171"/>
                  </a:lnTo>
                  <a:lnTo>
                    <a:pt x="1511" y="268"/>
                  </a:lnTo>
                  <a:lnTo>
                    <a:pt x="1608" y="414"/>
                  </a:lnTo>
                  <a:lnTo>
                    <a:pt x="1681" y="585"/>
                  </a:lnTo>
                  <a:lnTo>
                    <a:pt x="1730" y="755"/>
                  </a:lnTo>
                  <a:lnTo>
                    <a:pt x="1754" y="950"/>
                  </a:lnTo>
                  <a:lnTo>
                    <a:pt x="1754" y="950"/>
                  </a:lnTo>
                  <a:lnTo>
                    <a:pt x="1730" y="1145"/>
                  </a:lnTo>
                  <a:lnTo>
                    <a:pt x="1681" y="1316"/>
                  </a:lnTo>
                  <a:lnTo>
                    <a:pt x="1608" y="1486"/>
                  </a:lnTo>
                  <a:lnTo>
                    <a:pt x="1511" y="1632"/>
                  </a:lnTo>
                  <a:lnTo>
                    <a:pt x="1365" y="1730"/>
                  </a:lnTo>
                  <a:lnTo>
                    <a:pt x="1219" y="1827"/>
                  </a:lnTo>
                  <a:lnTo>
                    <a:pt x="1048" y="1876"/>
                  </a:lnTo>
                  <a:lnTo>
                    <a:pt x="878" y="1900"/>
                  </a:lnTo>
                  <a:lnTo>
                    <a:pt x="878" y="1900"/>
                  </a:lnTo>
                  <a:lnTo>
                    <a:pt x="707" y="1876"/>
                  </a:lnTo>
                  <a:lnTo>
                    <a:pt x="537" y="1827"/>
                  </a:lnTo>
                  <a:lnTo>
                    <a:pt x="390" y="1730"/>
                  </a:lnTo>
                  <a:lnTo>
                    <a:pt x="244" y="1632"/>
                  </a:lnTo>
                  <a:lnTo>
                    <a:pt x="147" y="1486"/>
                  </a:lnTo>
                  <a:lnTo>
                    <a:pt x="74" y="1316"/>
                  </a:lnTo>
                  <a:lnTo>
                    <a:pt x="25" y="1145"/>
                  </a:lnTo>
                  <a:lnTo>
                    <a:pt x="1" y="950"/>
                  </a:lnTo>
                  <a:lnTo>
                    <a:pt x="1" y="950"/>
                  </a:lnTo>
                  <a:lnTo>
                    <a:pt x="25" y="755"/>
                  </a:lnTo>
                  <a:lnTo>
                    <a:pt x="74" y="585"/>
                  </a:lnTo>
                  <a:lnTo>
                    <a:pt x="147" y="414"/>
                  </a:lnTo>
                  <a:lnTo>
                    <a:pt x="244" y="268"/>
                  </a:lnTo>
                  <a:lnTo>
                    <a:pt x="390" y="171"/>
                  </a:lnTo>
                  <a:lnTo>
                    <a:pt x="537" y="73"/>
                  </a:lnTo>
                  <a:lnTo>
                    <a:pt x="707" y="25"/>
                  </a:lnTo>
                  <a:lnTo>
                    <a:pt x="878" y="0"/>
                  </a:lnTo>
                  <a:lnTo>
                    <a:pt x="878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" name="Google Shape;900;p48">
              <a:extLst>
                <a:ext uri="{FF2B5EF4-FFF2-40B4-BE49-F238E27FC236}">
                  <a16:creationId xmlns:a16="http://schemas.microsoft.com/office/drawing/2014/main" id="{B1A8B80D-F304-4ACC-95FA-DB3B3ABFE8DA}"/>
                </a:ext>
              </a:extLst>
            </p:cNvPr>
            <p:cNvSpPr/>
            <p:nvPr/>
          </p:nvSpPr>
          <p:spPr>
            <a:xfrm>
              <a:off x="1369600" y="2503125"/>
              <a:ext cx="43875" cy="47525"/>
            </a:xfrm>
            <a:custGeom>
              <a:avLst/>
              <a:gdLst/>
              <a:ahLst/>
              <a:cxnLst/>
              <a:rect l="l" t="t" r="r" b="b"/>
              <a:pathLst>
                <a:path w="1755" h="1901" fill="none" extrusionOk="0">
                  <a:moveTo>
                    <a:pt x="878" y="0"/>
                  </a:moveTo>
                  <a:lnTo>
                    <a:pt x="878" y="0"/>
                  </a:lnTo>
                  <a:lnTo>
                    <a:pt x="1048" y="25"/>
                  </a:lnTo>
                  <a:lnTo>
                    <a:pt x="1219" y="73"/>
                  </a:lnTo>
                  <a:lnTo>
                    <a:pt x="1365" y="171"/>
                  </a:lnTo>
                  <a:lnTo>
                    <a:pt x="1511" y="268"/>
                  </a:lnTo>
                  <a:lnTo>
                    <a:pt x="1608" y="414"/>
                  </a:lnTo>
                  <a:lnTo>
                    <a:pt x="1681" y="585"/>
                  </a:lnTo>
                  <a:lnTo>
                    <a:pt x="1730" y="755"/>
                  </a:lnTo>
                  <a:lnTo>
                    <a:pt x="1754" y="950"/>
                  </a:lnTo>
                  <a:lnTo>
                    <a:pt x="1754" y="950"/>
                  </a:lnTo>
                  <a:lnTo>
                    <a:pt x="1730" y="1145"/>
                  </a:lnTo>
                  <a:lnTo>
                    <a:pt x="1681" y="1316"/>
                  </a:lnTo>
                  <a:lnTo>
                    <a:pt x="1608" y="1486"/>
                  </a:lnTo>
                  <a:lnTo>
                    <a:pt x="1511" y="1632"/>
                  </a:lnTo>
                  <a:lnTo>
                    <a:pt x="1365" y="1730"/>
                  </a:lnTo>
                  <a:lnTo>
                    <a:pt x="1219" y="1827"/>
                  </a:lnTo>
                  <a:lnTo>
                    <a:pt x="1048" y="1876"/>
                  </a:lnTo>
                  <a:lnTo>
                    <a:pt x="878" y="1900"/>
                  </a:lnTo>
                  <a:lnTo>
                    <a:pt x="878" y="1900"/>
                  </a:lnTo>
                  <a:lnTo>
                    <a:pt x="707" y="1876"/>
                  </a:lnTo>
                  <a:lnTo>
                    <a:pt x="537" y="1827"/>
                  </a:lnTo>
                  <a:lnTo>
                    <a:pt x="391" y="1730"/>
                  </a:lnTo>
                  <a:lnTo>
                    <a:pt x="244" y="1632"/>
                  </a:lnTo>
                  <a:lnTo>
                    <a:pt x="147" y="1486"/>
                  </a:lnTo>
                  <a:lnTo>
                    <a:pt x="74" y="1316"/>
                  </a:lnTo>
                  <a:lnTo>
                    <a:pt x="25" y="1145"/>
                  </a:lnTo>
                  <a:lnTo>
                    <a:pt x="1" y="950"/>
                  </a:lnTo>
                  <a:lnTo>
                    <a:pt x="1" y="950"/>
                  </a:lnTo>
                  <a:lnTo>
                    <a:pt x="25" y="755"/>
                  </a:lnTo>
                  <a:lnTo>
                    <a:pt x="74" y="585"/>
                  </a:lnTo>
                  <a:lnTo>
                    <a:pt x="147" y="414"/>
                  </a:lnTo>
                  <a:lnTo>
                    <a:pt x="244" y="268"/>
                  </a:lnTo>
                  <a:lnTo>
                    <a:pt x="391" y="171"/>
                  </a:lnTo>
                  <a:lnTo>
                    <a:pt x="537" y="73"/>
                  </a:lnTo>
                  <a:lnTo>
                    <a:pt x="707" y="25"/>
                  </a:lnTo>
                  <a:lnTo>
                    <a:pt x="878" y="0"/>
                  </a:lnTo>
                  <a:lnTo>
                    <a:pt x="878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" name="Google Shape;901;p48">
              <a:extLst>
                <a:ext uri="{FF2B5EF4-FFF2-40B4-BE49-F238E27FC236}">
                  <a16:creationId xmlns:a16="http://schemas.microsoft.com/office/drawing/2014/main" id="{4C9E77C4-DB9B-41E1-9D6E-6F441D8AD8EC}"/>
                </a:ext>
              </a:extLst>
            </p:cNvPr>
            <p:cNvSpPr/>
            <p:nvPr/>
          </p:nvSpPr>
          <p:spPr>
            <a:xfrm>
              <a:off x="1369600" y="2604200"/>
              <a:ext cx="199750" cy="40825"/>
            </a:xfrm>
            <a:custGeom>
              <a:avLst/>
              <a:gdLst/>
              <a:ahLst/>
              <a:cxnLst/>
              <a:rect l="l" t="t" r="r" b="b"/>
              <a:pathLst>
                <a:path w="7990" h="1633" fill="none" extrusionOk="0">
                  <a:moveTo>
                    <a:pt x="7989" y="0"/>
                  </a:moveTo>
                  <a:lnTo>
                    <a:pt x="7989" y="0"/>
                  </a:lnTo>
                  <a:lnTo>
                    <a:pt x="7575" y="366"/>
                  </a:lnTo>
                  <a:lnTo>
                    <a:pt x="7137" y="707"/>
                  </a:lnTo>
                  <a:lnTo>
                    <a:pt x="6650" y="975"/>
                  </a:lnTo>
                  <a:lnTo>
                    <a:pt x="6163" y="1218"/>
                  </a:lnTo>
                  <a:lnTo>
                    <a:pt x="5627" y="1389"/>
                  </a:lnTo>
                  <a:lnTo>
                    <a:pt x="5115" y="1535"/>
                  </a:lnTo>
                  <a:lnTo>
                    <a:pt x="4555" y="1608"/>
                  </a:lnTo>
                  <a:lnTo>
                    <a:pt x="3995" y="1632"/>
                  </a:lnTo>
                  <a:lnTo>
                    <a:pt x="3995" y="1632"/>
                  </a:lnTo>
                  <a:lnTo>
                    <a:pt x="3435" y="1608"/>
                  </a:lnTo>
                  <a:lnTo>
                    <a:pt x="2875" y="1535"/>
                  </a:lnTo>
                  <a:lnTo>
                    <a:pt x="2363" y="1389"/>
                  </a:lnTo>
                  <a:lnTo>
                    <a:pt x="1828" y="1218"/>
                  </a:lnTo>
                  <a:lnTo>
                    <a:pt x="1340" y="975"/>
                  </a:lnTo>
                  <a:lnTo>
                    <a:pt x="853" y="707"/>
                  </a:lnTo>
                  <a:lnTo>
                    <a:pt x="415" y="366"/>
                  </a:lnTo>
                  <a:lnTo>
                    <a:pt x="1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" name="TextBox 15">
            <a:extLst>
              <a:ext uri="{FF2B5EF4-FFF2-40B4-BE49-F238E27FC236}">
                <a16:creationId xmlns:a16="http://schemas.microsoft.com/office/drawing/2014/main" id="{F933B515-CF79-4E18-A7EB-76E87721B74A}"/>
              </a:ext>
            </a:extLst>
          </p:cNvPr>
          <p:cNvSpPr txBox="1"/>
          <p:nvPr/>
        </p:nvSpPr>
        <p:spPr>
          <a:xfrm>
            <a:off x="326054" y="1567408"/>
            <a:ext cx="8491869" cy="249299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</a:t>
            </a:r>
            <a:r>
              <a:rPr lang="ru-RU" sz="1200" b="1" dirty="0" err="1">
                <a:highlight>
                  <a:schemeClr val="accent1"/>
                </a:highlight>
              </a:rPr>
              <a:t>github</a:t>
            </a:r>
            <a:r>
              <a:rPr lang="ru-RU" sz="1200" b="1" dirty="0">
                <a:highlight>
                  <a:schemeClr val="accent1"/>
                </a:highlight>
              </a:rPr>
              <a:t> со всеми файлами проекта: 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github.com/sashasevryuk/diplom_Sevryuk.github.io.git </a:t>
            </a:r>
            <a:endParaRPr lang="ru-RU" sz="1200" dirty="0">
              <a:solidFill>
                <a:schemeClr val="tx1"/>
              </a:solidFill>
            </a:endParaRPr>
          </a:p>
          <a:p>
            <a:endParaRPr lang="ru-RU" sz="1200" b="1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презентацию с кратким описанием проделанной работы и пояснительную записку к дипломному проекту: 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github.com/sashasevryuk/diplom_Sevryuk.github.io/tree/main/presentation </a:t>
            </a:r>
            <a:endParaRPr lang="ru-RU" sz="1200" dirty="0">
              <a:solidFill>
                <a:schemeClr val="tx1"/>
              </a:solidFill>
            </a:endParaRPr>
          </a:p>
          <a:p>
            <a:endParaRPr lang="ru-RU" sz="1200" b="1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разработанные макеты и дизайн сайта в </a:t>
            </a:r>
            <a:r>
              <a:rPr lang="ru-RU" sz="1200" b="1" dirty="0" err="1">
                <a:highlight>
                  <a:schemeClr val="accent1"/>
                </a:highlight>
              </a:rPr>
              <a:t>Figma</a:t>
            </a:r>
            <a:r>
              <a:rPr lang="ru-RU" sz="1200" b="1" dirty="0">
                <a:highlight>
                  <a:schemeClr val="accent1"/>
                </a:highlight>
              </a:rPr>
              <a:t>: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5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www.figma.com/file/QL0WkOIcYDSLE9f95NH9yt/%D0%B4%D0%B8%D0%BF%D0%BB%D0%BE%D0%B C%D0%BD%D1%8B%D0%B9-%D0%BF%D1%80%D0%BE%D0%B5%D0%BA%D1%82?node-id=0%3A1 </a:t>
            </a:r>
            <a:endParaRPr lang="ru-RU" sz="1200" dirty="0">
              <a:solidFill>
                <a:schemeClr val="tx1"/>
              </a:solidFill>
            </a:endParaRPr>
          </a:p>
          <a:p>
            <a:endParaRPr lang="ru-RU" sz="1200" b="1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разработанный веб-ресурс: 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6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sashasevryuk.github.io/diplom_Sevryuk.github.io/ </a:t>
            </a:r>
            <a:endParaRPr lang="ru-RU" sz="1200" dirty="0">
              <a:solidFill>
                <a:schemeClr val="tx1"/>
              </a:solidFill>
            </a:endParaRPr>
          </a:p>
        </p:txBody>
      </p: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3816096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1 Бриф (приложение А)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Первичная концепция сайта на основе брифа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sp>
        <p:nvSpPr>
          <p:cNvPr id="159" name="Google Shape;159;p19"/>
          <p:cNvSpPr txBox="1">
            <a:spLocks noGrp="1"/>
          </p:cNvSpPr>
          <p:nvPr>
            <p:ph type="body" idx="2"/>
          </p:nvPr>
        </p:nvSpPr>
        <p:spPr>
          <a:xfrm>
            <a:off x="4572000" y="1618700"/>
            <a:ext cx="414528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2 Анализ целевой аудитории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ы и описаны группы пользователей составлены общие рекомендации к сайту)</a:t>
            </a:r>
            <a:endParaRPr lang="ru-RU" sz="160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5</a:t>
            </a:fld>
            <a:endParaRPr/>
          </a:p>
        </p:txBody>
      </p:sp>
      <p:graphicFrame>
        <p:nvGraphicFramePr>
          <p:cNvPr id="4" name="Схема 3">
            <a:extLst>
              <a:ext uri="{FF2B5EF4-FFF2-40B4-BE49-F238E27FC236}">
                <a16:creationId xmlns:a16="http://schemas.microsoft.com/office/drawing/2014/main" id="{F7C653D0-3F9A-4CD9-B4C6-2E901E40D2AF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542925211"/>
              </p:ext>
            </p:extLst>
          </p:nvPr>
        </p:nvGraphicFramePr>
        <p:xfrm>
          <a:off x="4684818" y="2480098"/>
          <a:ext cx="4047415" cy="266191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EA44FBF6-12C7-4358-9D76-CE5ADD69DB16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168287" y="2678120"/>
            <a:ext cx="1577317" cy="2334080"/>
          </a:xfrm>
          <a:prstGeom prst="rect">
            <a:avLst/>
          </a:prstGeom>
        </p:spPr>
      </p:pic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D0A175E3-0A51-440C-9813-4A3368ADC8C0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28314" y="2387382"/>
            <a:ext cx="1771078" cy="236246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7633438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8266176" cy="71314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3 Спецификация требований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Оценка соответствия требований заказчика и ожиданий ЦА, выработка общих рекомендаций к сайту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6</a:t>
            </a:fld>
            <a:endParaRPr/>
          </a:p>
        </p:txBody>
      </p:sp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AAB8A484-BE4F-4D8A-BD90-87EC61692DB0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2708462833"/>
              </p:ext>
            </p:extLst>
          </p:nvPr>
        </p:nvGraphicFramePr>
        <p:xfrm>
          <a:off x="1045172" y="2487746"/>
          <a:ext cx="7168896" cy="241902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392031916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8266176" cy="71314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4 Анализ сайтов конкурентов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7</a:t>
            </a:fld>
            <a:endParaRPr/>
          </a:p>
        </p:txBody>
      </p:sp>
      <p:graphicFrame>
        <p:nvGraphicFramePr>
          <p:cNvPr id="3" name="Схема 2">
            <a:extLst>
              <a:ext uri="{FF2B5EF4-FFF2-40B4-BE49-F238E27FC236}">
                <a16:creationId xmlns:a16="http://schemas.microsoft.com/office/drawing/2014/main" id="{D633EFBF-6166-4DAA-8F6E-B8AD9FFD50D2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189989274"/>
              </p:ext>
            </p:extLst>
          </p:nvPr>
        </p:nvGraphicFramePr>
        <p:xfrm>
          <a:off x="4537201" y="1874113"/>
          <a:ext cx="4453920" cy="2987133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13" name="Диаграмма 12">
            <a:extLst>
              <a:ext uri="{FF2B5EF4-FFF2-40B4-BE49-F238E27FC236}">
                <a16:creationId xmlns:a16="http://schemas.microsoft.com/office/drawing/2014/main" id="{E0740B1C-7C49-4464-93DD-78B9428D6AEF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632227458"/>
              </p:ext>
            </p:extLst>
          </p:nvPr>
        </p:nvGraphicFramePr>
        <p:xfrm>
          <a:off x="289036" y="2187176"/>
          <a:ext cx="4486656" cy="2774967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8"/>
          </a:graphicData>
        </a:graphic>
      </p:graphicFrame>
    </p:spTree>
    <p:extLst>
      <p:ext uri="{BB962C8B-B14F-4D97-AF65-F5344CB8AC3E}">
        <p14:creationId xmlns:p14="http://schemas.microsoft.com/office/powerpoint/2010/main" val="222326364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35256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2 Техническая концепция</a:t>
            </a:r>
            <a:br>
              <a:rPr lang="ru-RU" dirty="0"/>
            </a:br>
            <a:r>
              <a:rPr lang="ru-RU" sz="1600" b="0" dirty="0"/>
              <a:t>(</a:t>
            </a:r>
            <a:r>
              <a:rPr lang="en-US" sz="1600" b="0" dirty="0"/>
              <a:t>product vision and scope document</a:t>
            </a:r>
            <a:r>
              <a:rPr lang="ru-RU" sz="1600" b="0" dirty="0"/>
              <a:t>)</a:t>
            </a:r>
            <a:br>
              <a:rPr lang="ru-RU" dirty="0"/>
            </a:br>
            <a:r>
              <a:rPr lang="ru-RU" dirty="0"/>
              <a:t>1.3 Техническое задание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8</a:t>
            </a:fld>
            <a:endParaRPr/>
          </a:p>
        </p:txBody>
      </p:sp>
      <p:graphicFrame>
        <p:nvGraphicFramePr>
          <p:cNvPr id="5" name="Схема 4">
            <a:extLst>
              <a:ext uri="{FF2B5EF4-FFF2-40B4-BE49-F238E27FC236}">
                <a16:creationId xmlns:a16="http://schemas.microsoft.com/office/drawing/2014/main" id="{0B012F7F-1342-4456-88E5-8ECEB23534E6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57296413"/>
              </p:ext>
            </p:extLst>
          </p:nvPr>
        </p:nvGraphicFramePr>
        <p:xfrm>
          <a:off x="1489201" y="1750827"/>
          <a:ext cx="3048000" cy="2909629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15" name="Схема 14">
            <a:extLst>
              <a:ext uri="{FF2B5EF4-FFF2-40B4-BE49-F238E27FC236}">
                <a16:creationId xmlns:a16="http://schemas.microsoft.com/office/drawing/2014/main" id="{C9A8F645-8217-4E9C-826A-EFCF644A5B51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4052733529"/>
              </p:ext>
            </p:extLst>
          </p:nvPr>
        </p:nvGraphicFramePr>
        <p:xfrm>
          <a:off x="4795926" y="1750826"/>
          <a:ext cx="3048000" cy="2909629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8" r:lo="rId9" r:qs="rId10" r:cs="rId11"/>
          </a:graphicData>
        </a:graphic>
      </p:graphicFrame>
    </p:spTree>
    <p:extLst>
      <p:ext uri="{BB962C8B-B14F-4D97-AF65-F5344CB8AC3E}">
        <p14:creationId xmlns:p14="http://schemas.microsoft.com/office/powerpoint/2010/main" val="171601566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 Проектирование сайта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9</a:t>
            </a:fld>
            <a:endParaRPr/>
          </a:p>
        </p:txBody>
      </p: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478285" y="1698897"/>
            <a:ext cx="2183813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роектирование информационной структуры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6488333" y="1698897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Проектирование навигации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62526" y="1698897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Проектирование сервисов сайт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3" idx="2"/>
            <a:endCxn id="21" idx="6"/>
          </p:cNvCxnSpPr>
          <p:nvPr/>
        </p:nvCxnSpPr>
        <p:spPr>
          <a:xfrm flipH="1">
            <a:off x="2662098" y="2297481"/>
            <a:ext cx="80042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498312" y="2297481"/>
            <a:ext cx="99002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17" name="Google Shape;312;p29">
            <a:extLst>
              <a:ext uri="{FF2B5EF4-FFF2-40B4-BE49-F238E27FC236}">
                <a16:creationId xmlns:a16="http://schemas.microsoft.com/office/drawing/2014/main" id="{E5499105-74D6-43A0-BBA5-9EA2CA73E3E1}"/>
              </a:ext>
            </a:extLst>
          </p:cNvPr>
          <p:cNvSpPr/>
          <p:nvPr/>
        </p:nvSpPr>
        <p:spPr>
          <a:xfrm>
            <a:off x="552299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роектирование макетов страниц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18" name="Google Shape;313;p29">
            <a:extLst>
              <a:ext uri="{FF2B5EF4-FFF2-40B4-BE49-F238E27FC236}">
                <a16:creationId xmlns:a16="http://schemas.microsoft.com/office/drawing/2014/main" id="{51735780-8EC8-4EB2-862C-C56C67D674A6}"/>
              </a:ext>
            </a:extLst>
          </p:cNvPr>
          <p:cNvSpPr/>
          <p:nvPr/>
        </p:nvSpPr>
        <p:spPr>
          <a:xfrm>
            <a:off x="6488333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6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Эргономическое обоснование проектных решений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19" name="Google Shape;314;p29">
            <a:extLst>
              <a:ext uri="{FF2B5EF4-FFF2-40B4-BE49-F238E27FC236}">
                <a16:creationId xmlns:a16="http://schemas.microsoft.com/office/drawing/2014/main" id="{08B81CC4-7994-49EF-9775-E27704ED6F25}"/>
              </a:ext>
            </a:extLst>
          </p:cNvPr>
          <p:cNvSpPr/>
          <p:nvPr/>
        </p:nvSpPr>
        <p:spPr>
          <a:xfrm>
            <a:off x="3462526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5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Разработка дизайн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0" name="Google Shape;315;p29">
            <a:extLst>
              <a:ext uri="{FF2B5EF4-FFF2-40B4-BE49-F238E27FC236}">
                <a16:creationId xmlns:a16="http://schemas.microsoft.com/office/drawing/2014/main" id="{431D53A6-2261-493E-823B-C9F5B0826036}"/>
              </a:ext>
            </a:extLst>
          </p:cNvPr>
          <p:cNvCxnSpPr>
            <a:cxnSpLocks/>
            <a:stCxn id="17" idx="6"/>
            <a:endCxn id="19" idx="2"/>
          </p:cNvCxnSpPr>
          <p:nvPr/>
        </p:nvCxnSpPr>
        <p:spPr>
          <a:xfrm>
            <a:off x="2588085" y="4292760"/>
            <a:ext cx="87444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6" name="Google Shape;316;p29">
            <a:extLst>
              <a:ext uri="{FF2B5EF4-FFF2-40B4-BE49-F238E27FC236}">
                <a16:creationId xmlns:a16="http://schemas.microsoft.com/office/drawing/2014/main" id="{61F67590-E85B-4EF1-AA32-191C337EC359}"/>
              </a:ext>
            </a:extLst>
          </p:cNvPr>
          <p:cNvCxnSpPr>
            <a:cxnSpLocks/>
            <a:stCxn id="19" idx="6"/>
            <a:endCxn id="18" idx="2"/>
          </p:cNvCxnSpPr>
          <p:nvPr/>
        </p:nvCxnSpPr>
        <p:spPr>
          <a:xfrm>
            <a:off x="5498312" y="4292760"/>
            <a:ext cx="99002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7" name="Google Shape;316;p29">
            <a:extLst>
              <a:ext uri="{FF2B5EF4-FFF2-40B4-BE49-F238E27FC236}">
                <a16:creationId xmlns:a16="http://schemas.microsoft.com/office/drawing/2014/main" id="{EFD17D07-5C3D-4F1D-A1FF-905FB2E940DC}"/>
              </a:ext>
            </a:extLst>
          </p:cNvPr>
          <p:cNvCxnSpPr>
            <a:cxnSpLocks/>
            <a:stCxn id="17" idx="0"/>
            <a:endCxn id="22" idx="3"/>
          </p:cNvCxnSpPr>
          <p:nvPr/>
        </p:nvCxnSpPr>
        <p:spPr>
          <a:xfrm flipV="1">
            <a:off x="1570192" y="2720743"/>
            <a:ext cx="5216275" cy="973433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3396876808"/>
      </p:ext>
    </p:extLst>
  </p:cSld>
  <p:clrMapOvr>
    <a:masterClrMapping/>
  </p:clrMapOvr>
</p:sld>
</file>

<file path=ppt/theme/theme1.xml><?xml version="1.0" encoding="utf-8"?>
<a:theme xmlns:a="http://schemas.openxmlformats.org/drawingml/2006/main" name="Viola template">
  <a:themeElements>
    <a:clrScheme name="Зеленый и желтый">
      <a:dk1>
        <a:sysClr val="windowText" lastClr="000000"/>
      </a:dk1>
      <a:lt1>
        <a:sysClr val="window" lastClr="FFFFFF"/>
      </a:lt1>
      <a:dk2>
        <a:srgbClr val="455F51"/>
      </a:dk2>
      <a:lt2>
        <a:srgbClr val="E2DFCC"/>
      </a:lt2>
      <a:accent1>
        <a:srgbClr val="99CB38"/>
      </a:accent1>
      <a:accent2>
        <a:srgbClr val="63A537"/>
      </a:accent2>
      <a:accent3>
        <a:srgbClr val="37A76F"/>
      </a:accent3>
      <a:accent4>
        <a:srgbClr val="44C1A3"/>
      </a:accent4>
      <a:accent5>
        <a:srgbClr val="4EB3CF"/>
      </a:accent5>
      <a:accent6>
        <a:srgbClr val="51C3F9"/>
      </a:accent6>
      <a:hlink>
        <a:srgbClr val="EE7B08"/>
      </a:hlink>
      <a:folHlink>
        <a:srgbClr val="977B2D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308</TotalTime>
  <Words>2796</Words>
  <Application>Microsoft Office PowerPoint</Application>
  <PresentationFormat>Экран (16:9)</PresentationFormat>
  <Paragraphs>370</Paragraphs>
  <Slides>48</Slides>
  <Notes>48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4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48</vt:i4>
      </vt:variant>
    </vt:vector>
  </HeadingPairs>
  <TitlesOfParts>
    <vt:vector size="53" baseType="lpstr">
      <vt:lpstr>Lora</vt:lpstr>
      <vt:lpstr>Arial</vt:lpstr>
      <vt:lpstr>Quattrocento Sans</vt:lpstr>
      <vt:lpstr>Times New Roman</vt:lpstr>
      <vt:lpstr>Viola template</vt:lpstr>
      <vt:lpstr>Разработка сайта HR отдела  ОАО «АСБ Беларусбанк»</vt:lpstr>
      <vt:lpstr>Презентация PowerPoint</vt:lpstr>
      <vt:lpstr>Процесс выполнения работ</vt:lpstr>
      <vt:lpstr>1. Системный анализ проектной ситуации</vt:lpstr>
      <vt:lpstr>1.1 Бизнес-концепция (Бизнес-цели, критерии успеха, реестр бизнес-правил)</vt:lpstr>
      <vt:lpstr>1.1 Бизнес-концепция (Бизнес-цели, критерии успеха, реестр бизнес-правил)</vt:lpstr>
      <vt:lpstr>1.1 Бизнес-концепция (Бизнес-цели, критерии успеха, реестр бизнес-правил)</vt:lpstr>
      <vt:lpstr>1.2 Техническая концепция (product vision and scope document) 1.3 Техническое задание</vt:lpstr>
      <vt:lpstr>2. Проектирование сайта</vt:lpstr>
      <vt:lpstr>2.1 Проектирование  информационной  структуры сайта</vt:lpstr>
      <vt:lpstr>2.1 Проектирование  информационной  структуры сайта</vt:lpstr>
      <vt:lpstr>2.1 Проектирование  информационной  структуры сайта</vt:lpstr>
      <vt:lpstr>2.2 Проектирование сервисов сайта (выделение сервисов и формирование требований к интерфейсу)</vt:lpstr>
      <vt:lpstr>2.3 Проектирование навигации</vt:lpstr>
      <vt:lpstr>2.4 Проектирование макетов страниц</vt:lpstr>
      <vt:lpstr>2.4 Проектирование макетов страниц (общие элементы для всех страниц)</vt:lpstr>
      <vt:lpstr>2.4 Проектирование макетов страниц (стартовая страница входа и регистрации)</vt:lpstr>
      <vt:lpstr>2.4 Проектирование макетов страниц (главная страница и страница «Расписание»)</vt:lpstr>
      <vt:lpstr>2.4 Проектирование макетов страниц (вкладки страницы «Расписание»)</vt:lpstr>
      <vt:lpstr>2.4 Проектирование макетов страниц (страница «Учебные материалы»)</vt:lpstr>
      <vt:lpstr>2.4 Проектирование макетов страниц (страница «Тестирование»)</vt:lpstr>
      <vt:lpstr>2.4 Проектирование макетов страниц (страница «Результаты»)</vt:lpstr>
      <vt:lpstr>2.4 Проектирование макетов страниц (страница «Поддержка»)</vt:lpstr>
      <vt:lpstr>2.4 Проектирование макетов страниц (страница «Личный кабинет» и модальное окно выхода)</vt:lpstr>
      <vt:lpstr>2.5 Разработка дизайна (единый стиль в дизайне страниц)</vt:lpstr>
      <vt:lpstr>2.5 Разработка дизайна (дизайн главной страницы и страницы «Расписание»)</vt:lpstr>
      <vt:lpstr>2.5 Разработка дизайна (дизайн страницы «Учебные материалы»)</vt:lpstr>
      <vt:lpstr>2.5 Разработка дизайна (дизайн страницы «Тестирование»)</vt:lpstr>
      <vt:lpstr>2.5 Разработка дизайна (дизайн страницы «Результаты» и страницы «Поддержка»)</vt:lpstr>
      <vt:lpstr>2.5 Разработка дизайна (дизайн страницы «Личный кабинет» и страницы «Ошибка 404»)</vt:lpstr>
      <vt:lpstr>2.5 Разработка дизайна (дизайн модальных окон)</vt:lpstr>
      <vt:lpstr>2.6 Эргономическое обоснование  проектных решений</vt:lpstr>
      <vt:lpstr>3. Техническая  реализация проекта</vt:lpstr>
      <vt:lpstr>3.1 Верстка</vt:lpstr>
      <vt:lpstr>3.1 Верстка  навигационного меню</vt:lpstr>
      <vt:lpstr>3.1 Верстка плашки</vt:lpstr>
      <vt:lpstr>3.1 Верстка предзагрузчика</vt:lpstr>
      <vt:lpstr>3.1 Верстка формы поиска</vt:lpstr>
      <vt:lpstr>3.1 Верстка полосы прокрутки</vt:lpstr>
      <vt:lpstr>3.1 Верстка модального окна</vt:lpstr>
      <vt:lpstr>3.1 Верстка вкладок</vt:lpstr>
      <vt:lpstr>3.1 Валидация формы</vt:lpstr>
      <vt:lpstr>3.1 Адаптивная верстка</vt:lpstr>
      <vt:lpstr>4. Внедрение  и сопровождение</vt:lpstr>
      <vt:lpstr>4.2 Выбор доменного имени</vt:lpstr>
      <vt:lpstr>4.2 Выбор и обоснование  хостинга</vt:lpstr>
      <vt:lpstr>Список использованных источников</vt:lpstr>
      <vt:lpstr>Спасибо за внимание!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Разработка сайта HR отдела  ОАО «АСБ Беларусбанк»</dc:title>
  <dc:creator>Alexandra Sevryuk</dc:creator>
  <cp:lastModifiedBy>Саша Севрюк</cp:lastModifiedBy>
  <cp:revision>46</cp:revision>
  <dcterms:modified xsi:type="dcterms:W3CDTF">2022-03-10T20:27:26Z</dcterms:modified>
</cp:coreProperties>
</file>